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6764\Desktop\"/>
    </mc:Choice>
  </mc:AlternateContent>
  <bookViews>
    <workbookView xWindow="0" yWindow="0" windowWidth="20160" windowHeight="8232"/>
  </bookViews>
  <sheets>
    <sheet name="申請書" sheetId="5" r:id="rId1"/>
    <sheet name="利用者氏名リスト" sheetId="6" r:id="rId2"/>
    <sheet name="申請書（記載例）" sheetId="7" r:id="rId3"/>
    <sheet name="利用者氏名リスト（記載例）" sheetId="8" r:id="rId4"/>
  </sheets>
  <definedNames>
    <definedName name="_xlnm.Print_Area" localSheetId="0">申請書!$A$1:$N$39</definedName>
    <definedName name="_xlnm.Print_Area" localSheetId="2">'申請書（記載例）'!$A$1:$N$38</definedName>
    <definedName name="_xlnm.Print_Area" localSheetId="1">利用者氏名リスト!$A$1:$E$101</definedName>
    <definedName name="_xlnm.Print_Area" localSheetId="3">'利用者氏名リスト（記載例）'!$A$1:$E$10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3" i="7" l="1"/>
  <c r="K101" i="8"/>
  <c r="J101" i="8"/>
  <c r="I101" i="8"/>
  <c r="H101" i="8"/>
  <c r="G101" i="8"/>
  <c r="K100" i="8"/>
  <c r="J100" i="8"/>
  <c r="I100" i="8"/>
  <c r="H100" i="8"/>
  <c r="G100" i="8"/>
  <c r="K99" i="8"/>
  <c r="J99" i="8"/>
  <c r="I99" i="8"/>
  <c r="H99" i="8"/>
  <c r="G99" i="8"/>
  <c r="K98" i="8"/>
  <c r="J98" i="8"/>
  <c r="I98" i="8"/>
  <c r="H98" i="8"/>
  <c r="G98" i="8"/>
  <c r="K97" i="8"/>
  <c r="J97" i="8"/>
  <c r="I97" i="8"/>
  <c r="H97" i="8"/>
  <c r="G97" i="8"/>
  <c r="K96" i="8"/>
  <c r="J96" i="8"/>
  <c r="I96" i="8"/>
  <c r="H96" i="8"/>
  <c r="G96" i="8"/>
  <c r="K95" i="8"/>
  <c r="J95" i="8"/>
  <c r="I95" i="8"/>
  <c r="H95" i="8"/>
  <c r="G95" i="8"/>
  <c r="K94" i="8"/>
  <c r="J94" i="8"/>
  <c r="I94" i="8"/>
  <c r="H94" i="8"/>
  <c r="G94" i="8"/>
  <c r="K93" i="8"/>
  <c r="J93" i="8"/>
  <c r="I93" i="8"/>
  <c r="H93" i="8"/>
  <c r="G93" i="8"/>
  <c r="K92" i="8"/>
  <c r="J92" i="8"/>
  <c r="I92" i="8"/>
  <c r="H92" i="8"/>
  <c r="G92" i="8"/>
  <c r="K91" i="8"/>
  <c r="J91" i="8"/>
  <c r="I91" i="8"/>
  <c r="H91" i="8"/>
  <c r="G91" i="8"/>
  <c r="K90" i="8"/>
  <c r="J90" i="8"/>
  <c r="I90" i="8"/>
  <c r="H90" i="8"/>
  <c r="G90" i="8"/>
  <c r="K89" i="8"/>
  <c r="J89" i="8"/>
  <c r="I89" i="8"/>
  <c r="H89" i="8"/>
  <c r="G89" i="8"/>
  <c r="K88" i="8"/>
  <c r="J88" i="8"/>
  <c r="I88" i="8"/>
  <c r="H88" i="8"/>
  <c r="G88" i="8"/>
  <c r="K87" i="8"/>
  <c r="J87" i="8"/>
  <c r="I87" i="8"/>
  <c r="H87" i="8"/>
  <c r="G87" i="8"/>
  <c r="K86" i="8"/>
  <c r="J86" i="8"/>
  <c r="I86" i="8"/>
  <c r="H86" i="8"/>
  <c r="G86" i="8"/>
  <c r="K85" i="8"/>
  <c r="J85" i="8"/>
  <c r="I85" i="8"/>
  <c r="H85" i="8"/>
  <c r="G85" i="8"/>
  <c r="K84" i="8"/>
  <c r="J84" i="8"/>
  <c r="I84" i="8"/>
  <c r="H84" i="8"/>
  <c r="G84" i="8"/>
  <c r="K83" i="8"/>
  <c r="J83" i="8"/>
  <c r="I83" i="8"/>
  <c r="H83" i="8"/>
  <c r="G83" i="8"/>
  <c r="K82" i="8"/>
  <c r="J82" i="8"/>
  <c r="I82" i="8"/>
  <c r="H82" i="8"/>
  <c r="G82" i="8"/>
  <c r="K81" i="8"/>
  <c r="J81" i="8"/>
  <c r="I81" i="8"/>
  <c r="H81" i="8"/>
  <c r="G81" i="8"/>
  <c r="K80" i="8"/>
  <c r="J80" i="8"/>
  <c r="I80" i="8"/>
  <c r="H80" i="8"/>
  <c r="G80" i="8"/>
  <c r="K79" i="8"/>
  <c r="J79" i="8"/>
  <c r="I79" i="8"/>
  <c r="H79" i="8"/>
  <c r="G79" i="8"/>
  <c r="K78" i="8"/>
  <c r="J78" i="8"/>
  <c r="I78" i="8"/>
  <c r="H78" i="8"/>
  <c r="G78" i="8"/>
  <c r="K77" i="8"/>
  <c r="J77" i="8"/>
  <c r="I77" i="8"/>
  <c r="H77" i="8"/>
  <c r="G77" i="8"/>
  <c r="K76" i="8"/>
  <c r="J76" i="8"/>
  <c r="I76" i="8"/>
  <c r="H76" i="8"/>
  <c r="G76" i="8"/>
  <c r="K75" i="8"/>
  <c r="J75" i="8"/>
  <c r="I75" i="8"/>
  <c r="H75" i="8"/>
  <c r="G75" i="8"/>
  <c r="K74" i="8"/>
  <c r="J74" i="8"/>
  <c r="I74" i="8"/>
  <c r="H74" i="8"/>
  <c r="G74" i="8"/>
  <c r="K73" i="8"/>
  <c r="J73" i="8"/>
  <c r="I73" i="8"/>
  <c r="H73" i="8"/>
  <c r="G73" i="8"/>
  <c r="K72" i="8"/>
  <c r="J72" i="8"/>
  <c r="I72" i="8"/>
  <c r="H72" i="8"/>
  <c r="G72" i="8"/>
  <c r="K71" i="8"/>
  <c r="J71" i="8"/>
  <c r="I71" i="8"/>
  <c r="H71" i="8"/>
  <c r="G71" i="8"/>
  <c r="K70" i="8"/>
  <c r="J70" i="8"/>
  <c r="I70" i="8"/>
  <c r="H70" i="8"/>
  <c r="G70" i="8"/>
  <c r="K69" i="8"/>
  <c r="J69" i="8"/>
  <c r="I69" i="8"/>
  <c r="H69" i="8"/>
  <c r="G69" i="8"/>
  <c r="K68" i="8"/>
  <c r="J68" i="8"/>
  <c r="I68" i="8"/>
  <c r="H68" i="8"/>
  <c r="G68" i="8"/>
  <c r="K67" i="8"/>
  <c r="J67" i="8"/>
  <c r="I67" i="8"/>
  <c r="H67" i="8"/>
  <c r="G67" i="8"/>
  <c r="K66" i="8"/>
  <c r="J66" i="8"/>
  <c r="I66" i="8"/>
  <c r="H66" i="8"/>
  <c r="G66" i="8"/>
  <c r="K65" i="8"/>
  <c r="J65" i="8"/>
  <c r="I65" i="8"/>
  <c r="H65" i="8"/>
  <c r="G65" i="8"/>
  <c r="K64" i="8"/>
  <c r="J64" i="8"/>
  <c r="I64" i="8"/>
  <c r="H64" i="8"/>
  <c r="G64" i="8"/>
  <c r="K63" i="8"/>
  <c r="J63" i="8"/>
  <c r="I63" i="8"/>
  <c r="H63" i="8"/>
  <c r="G63" i="8"/>
  <c r="K62" i="8"/>
  <c r="J62" i="8"/>
  <c r="I62" i="8"/>
  <c r="H62" i="8"/>
  <c r="G62" i="8"/>
  <c r="K61" i="8"/>
  <c r="J61" i="8"/>
  <c r="I61" i="8"/>
  <c r="H61" i="8"/>
  <c r="G61" i="8"/>
  <c r="K60" i="8"/>
  <c r="J60" i="8"/>
  <c r="I60" i="8"/>
  <c r="H60" i="8"/>
  <c r="G60" i="8"/>
  <c r="K59" i="8"/>
  <c r="J59" i="8"/>
  <c r="I59" i="8"/>
  <c r="H59" i="8"/>
  <c r="G59" i="8"/>
  <c r="K58" i="8"/>
  <c r="J58" i="8"/>
  <c r="I58" i="8"/>
  <c r="H58" i="8"/>
  <c r="G58" i="8"/>
  <c r="K57" i="8"/>
  <c r="J57" i="8"/>
  <c r="I57" i="8"/>
  <c r="H57" i="8"/>
  <c r="G57" i="8"/>
  <c r="K56" i="8"/>
  <c r="J56" i="8"/>
  <c r="I56" i="8"/>
  <c r="H56" i="8"/>
  <c r="G56" i="8"/>
  <c r="K55" i="8"/>
  <c r="J55" i="8"/>
  <c r="I55" i="8"/>
  <c r="H55" i="8"/>
  <c r="G55" i="8"/>
  <c r="K54" i="8"/>
  <c r="J54" i="8"/>
  <c r="I54" i="8"/>
  <c r="H54" i="8"/>
  <c r="G54" i="8"/>
  <c r="K53" i="8"/>
  <c r="J53" i="8"/>
  <c r="I53" i="8"/>
  <c r="H53" i="8"/>
  <c r="G53" i="8"/>
  <c r="K52" i="8"/>
  <c r="J52" i="8"/>
  <c r="I52" i="8"/>
  <c r="H52" i="8"/>
  <c r="G52" i="8"/>
  <c r="K51" i="8"/>
  <c r="J51" i="8"/>
  <c r="I51" i="8"/>
  <c r="H51" i="8"/>
  <c r="G51" i="8"/>
  <c r="K50" i="8"/>
  <c r="J50" i="8"/>
  <c r="I50" i="8"/>
  <c r="H50" i="8"/>
  <c r="G50" i="8"/>
  <c r="K49" i="8"/>
  <c r="J49" i="8"/>
  <c r="I49" i="8"/>
  <c r="H49" i="8"/>
  <c r="G49" i="8"/>
  <c r="K48" i="8"/>
  <c r="J48" i="8"/>
  <c r="I48" i="8"/>
  <c r="H48" i="8"/>
  <c r="G48" i="8"/>
  <c r="K47" i="8"/>
  <c r="J47" i="8"/>
  <c r="I47" i="8"/>
  <c r="H47" i="8"/>
  <c r="G47" i="8"/>
  <c r="K46" i="8"/>
  <c r="J46" i="8"/>
  <c r="I46" i="8"/>
  <c r="H46" i="8"/>
  <c r="G46" i="8"/>
  <c r="K45" i="8"/>
  <c r="J45" i="8"/>
  <c r="I45" i="8"/>
  <c r="H45" i="8"/>
  <c r="G45" i="8"/>
  <c r="K44" i="8"/>
  <c r="J44" i="8"/>
  <c r="I44" i="8"/>
  <c r="H44" i="8"/>
  <c r="G44" i="8"/>
  <c r="K43" i="8"/>
  <c r="J43" i="8"/>
  <c r="I43" i="8"/>
  <c r="H43" i="8"/>
  <c r="G43" i="8"/>
  <c r="K42" i="8"/>
  <c r="J42" i="8"/>
  <c r="I42" i="8"/>
  <c r="H42" i="8"/>
  <c r="G42" i="8"/>
  <c r="K41" i="8"/>
  <c r="J41" i="8"/>
  <c r="I41" i="8"/>
  <c r="H41" i="8"/>
  <c r="G41" i="8"/>
  <c r="K40" i="8"/>
  <c r="J40" i="8"/>
  <c r="I40" i="8"/>
  <c r="H40" i="8"/>
  <c r="G40" i="8"/>
  <c r="K39" i="8"/>
  <c r="J39" i="8"/>
  <c r="I39" i="8"/>
  <c r="H39" i="8"/>
  <c r="G39" i="8"/>
  <c r="K38" i="8"/>
  <c r="J38" i="8"/>
  <c r="I38" i="8"/>
  <c r="H38" i="8"/>
  <c r="G38" i="8"/>
  <c r="K37" i="8"/>
  <c r="J37" i="8"/>
  <c r="I37" i="8"/>
  <c r="H37" i="8"/>
  <c r="G37" i="8"/>
  <c r="K36" i="8"/>
  <c r="J36" i="8"/>
  <c r="I36" i="8"/>
  <c r="H36" i="8"/>
  <c r="G36" i="8"/>
  <c r="K35" i="8"/>
  <c r="J35" i="8"/>
  <c r="I35" i="8"/>
  <c r="H35" i="8"/>
  <c r="G35" i="8"/>
  <c r="K34" i="8"/>
  <c r="J34" i="8"/>
  <c r="I34" i="8"/>
  <c r="H34" i="8"/>
  <c r="G34" i="8"/>
  <c r="K33" i="8"/>
  <c r="J33" i="8"/>
  <c r="I33" i="8"/>
  <c r="H33" i="8"/>
  <c r="G33" i="8"/>
  <c r="K32" i="8"/>
  <c r="J32" i="8"/>
  <c r="I32" i="8"/>
  <c r="H32" i="8"/>
  <c r="G32" i="8"/>
  <c r="K31" i="8"/>
  <c r="J31" i="8"/>
  <c r="I31" i="8"/>
  <c r="H31" i="8"/>
  <c r="G31" i="8"/>
  <c r="K30" i="8"/>
  <c r="J30" i="8"/>
  <c r="I30" i="8"/>
  <c r="H30" i="8"/>
  <c r="G30" i="8"/>
  <c r="K29" i="8"/>
  <c r="J29" i="8"/>
  <c r="I29" i="8"/>
  <c r="H29" i="8"/>
  <c r="G29" i="8"/>
  <c r="K28" i="8"/>
  <c r="J28" i="8"/>
  <c r="I28" i="8"/>
  <c r="H28" i="8"/>
  <c r="G28" i="8"/>
  <c r="K27" i="8"/>
  <c r="J27" i="8"/>
  <c r="I27" i="8"/>
  <c r="H27" i="8"/>
  <c r="G27" i="8"/>
  <c r="K26" i="8"/>
  <c r="J26" i="8"/>
  <c r="I26" i="8"/>
  <c r="H26" i="8"/>
  <c r="G26" i="8"/>
  <c r="K25" i="8"/>
  <c r="J25" i="8"/>
  <c r="I25" i="8"/>
  <c r="H25" i="8"/>
  <c r="G25" i="8"/>
  <c r="K24" i="8"/>
  <c r="J24" i="8"/>
  <c r="I24" i="8"/>
  <c r="H24" i="8"/>
  <c r="G24" i="8"/>
  <c r="K23" i="8"/>
  <c r="J23" i="8"/>
  <c r="I23" i="8"/>
  <c r="H23" i="8"/>
  <c r="G23" i="8"/>
  <c r="K22" i="8"/>
  <c r="J22" i="8"/>
  <c r="I22" i="8"/>
  <c r="H22" i="8"/>
  <c r="G22" i="8"/>
  <c r="K21" i="8"/>
  <c r="J21" i="8"/>
  <c r="I21" i="8"/>
  <c r="H21" i="8"/>
  <c r="G21" i="8"/>
  <c r="K20" i="8"/>
  <c r="J20" i="8"/>
  <c r="I20" i="8"/>
  <c r="H20" i="8"/>
  <c r="G20" i="8"/>
  <c r="K19" i="8"/>
  <c r="J19" i="8"/>
  <c r="I19" i="8"/>
  <c r="H19" i="8"/>
  <c r="G19" i="8"/>
  <c r="K18" i="8"/>
  <c r="J18" i="8"/>
  <c r="I18" i="8"/>
  <c r="H18" i="8"/>
  <c r="G18" i="8"/>
  <c r="K17" i="8"/>
  <c r="J17" i="8"/>
  <c r="I17" i="8"/>
  <c r="H17" i="8"/>
  <c r="G17" i="8"/>
  <c r="K16" i="8"/>
  <c r="J16" i="8"/>
  <c r="I16" i="8"/>
  <c r="H16" i="8"/>
  <c r="G16" i="8"/>
  <c r="K15" i="8"/>
  <c r="J15" i="8"/>
  <c r="I15" i="8"/>
  <c r="H15" i="8"/>
  <c r="G15" i="8"/>
  <c r="K14" i="8"/>
  <c r="J14" i="8"/>
  <c r="I14" i="8"/>
  <c r="H14" i="8"/>
  <c r="G14" i="8"/>
  <c r="K13" i="8"/>
  <c r="J13" i="8"/>
  <c r="I13" i="8"/>
  <c r="H13" i="8"/>
  <c r="G13" i="8"/>
  <c r="K12" i="8"/>
  <c r="J12" i="8"/>
  <c r="I12" i="8"/>
  <c r="H12" i="8"/>
  <c r="G12" i="8"/>
  <c r="K11" i="8"/>
  <c r="J11" i="8"/>
  <c r="I11" i="8"/>
  <c r="H11" i="8"/>
  <c r="G11" i="8"/>
  <c r="K10" i="8"/>
  <c r="J10" i="8"/>
  <c r="I10" i="8"/>
  <c r="H10" i="8"/>
  <c r="G10" i="8"/>
  <c r="K9" i="8"/>
  <c r="J9" i="8"/>
  <c r="I9" i="8"/>
  <c r="H9" i="8"/>
  <c r="G9" i="8"/>
  <c r="K8" i="8"/>
  <c r="J8" i="8"/>
  <c r="I8" i="8"/>
  <c r="H8" i="8"/>
  <c r="G8" i="8"/>
  <c r="K7" i="8"/>
  <c r="J7" i="8"/>
  <c r="I7" i="8"/>
  <c r="H7" i="8"/>
  <c r="G7" i="8"/>
  <c r="K6" i="8"/>
  <c r="J6" i="8"/>
  <c r="I6" i="8"/>
  <c r="H6" i="8"/>
  <c r="G6" i="8"/>
  <c r="K5" i="8"/>
  <c r="J5" i="8"/>
  <c r="I5" i="8"/>
  <c r="H5" i="8"/>
  <c r="G5" i="8"/>
  <c r="K4" i="8"/>
  <c r="J4" i="8"/>
  <c r="I4" i="8"/>
  <c r="H4" i="8"/>
  <c r="G4" i="8"/>
  <c r="K3" i="8"/>
  <c r="J3" i="8"/>
  <c r="I3" i="8"/>
  <c r="H3" i="8"/>
  <c r="G3" i="8"/>
  <c r="B101" i="8"/>
  <c r="B100" i="8"/>
  <c r="B99" i="8"/>
  <c r="B98" i="8"/>
  <c r="B97" i="8"/>
  <c r="B96" i="8"/>
  <c r="B95" i="8"/>
  <c r="B94" i="8"/>
  <c r="B93" i="8"/>
  <c r="B92" i="8"/>
  <c r="B91" i="8"/>
  <c r="B90" i="8"/>
  <c r="B89" i="8"/>
  <c r="B88" i="8"/>
  <c r="B87" i="8"/>
  <c r="B86" i="8"/>
  <c r="B85" i="8"/>
  <c r="B84" i="8"/>
  <c r="B83" i="8"/>
  <c r="B82" i="8"/>
  <c r="B81" i="8"/>
  <c r="B80" i="8"/>
  <c r="B79" i="8"/>
  <c r="B78" i="8"/>
  <c r="B77" i="8"/>
  <c r="B76" i="8"/>
  <c r="B75" i="8"/>
  <c r="B74" i="8"/>
  <c r="B73" i="8"/>
  <c r="B72" i="8"/>
  <c r="B71" i="8"/>
  <c r="B70" i="8"/>
  <c r="B69" i="8"/>
  <c r="B68" i="8"/>
  <c r="B67" i="8"/>
  <c r="B66" i="8"/>
  <c r="B65" i="8"/>
  <c r="B64" i="8"/>
  <c r="B63" i="8"/>
  <c r="B62" i="8"/>
  <c r="B61" i="8"/>
  <c r="B60" i="8"/>
  <c r="B59" i="8"/>
  <c r="B58" i="8"/>
  <c r="B57" i="8"/>
  <c r="B56" i="8"/>
  <c r="B55" i="8"/>
  <c r="B54" i="8"/>
  <c r="B53" i="8"/>
  <c r="B52" i="8"/>
  <c r="B51" i="8"/>
  <c r="B50" i="8"/>
  <c r="B49" i="8"/>
  <c r="B48" i="8"/>
  <c r="B47" i="8"/>
  <c r="B46" i="8"/>
  <c r="B45" i="8"/>
  <c r="B44" i="8"/>
  <c r="B43" i="8"/>
  <c r="B42" i="8"/>
  <c r="B41" i="8"/>
  <c r="B40" i="8"/>
  <c r="B39" i="8"/>
  <c r="B38" i="8"/>
  <c r="B37" i="8"/>
  <c r="B36" i="8"/>
  <c r="B35" i="8"/>
  <c r="B34" i="8"/>
  <c r="B33" i="8"/>
  <c r="B32" i="8"/>
  <c r="B31" i="8"/>
  <c r="B30" i="8"/>
  <c r="B29" i="8"/>
  <c r="B28" i="8"/>
  <c r="B27" i="8"/>
  <c r="B26" i="8"/>
  <c r="B25" i="8"/>
  <c r="B24" i="8"/>
  <c r="B23" i="8"/>
  <c r="B22" i="8"/>
  <c r="B21" i="8"/>
  <c r="B20" i="8"/>
  <c r="B19" i="8"/>
  <c r="B18" i="8"/>
  <c r="B17" i="8"/>
  <c r="B16" i="8"/>
  <c r="B15" i="8"/>
  <c r="B14" i="8"/>
  <c r="B13" i="8"/>
  <c r="B12" i="8"/>
  <c r="B11" i="8"/>
  <c r="B10" i="8"/>
  <c r="B9" i="8"/>
  <c r="B8" i="8"/>
  <c r="B7" i="8"/>
  <c r="B6" i="8"/>
  <c r="B5" i="8"/>
  <c r="B4" i="8"/>
  <c r="B3" i="8"/>
  <c r="G37" i="7"/>
  <c r="G37" i="5"/>
  <c r="K101" i="6"/>
  <c r="J101" i="6"/>
  <c r="I101" i="6"/>
  <c r="H101" i="6"/>
  <c r="G101" i="6"/>
  <c r="K100" i="6"/>
  <c r="J100" i="6"/>
  <c r="I100" i="6"/>
  <c r="H100" i="6"/>
  <c r="G100" i="6"/>
  <c r="K99" i="6"/>
  <c r="J99" i="6"/>
  <c r="I99" i="6"/>
  <c r="H99" i="6"/>
  <c r="G99" i="6"/>
  <c r="K98" i="6"/>
  <c r="J98" i="6"/>
  <c r="I98" i="6"/>
  <c r="H98" i="6"/>
  <c r="G98" i="6"/>
  <c r="K97" i="6"/>
  <c r="J97" i="6"/>
  <c r="I97" i="6"/>
  <c r="H97" i="6"/>
  <c r="G97" i="6"/>
  <c r="K96" i="6"/>
  <c r="J96" i="6"/>
  <c r="I96" i="6"/>
  <c r="H96" i="6"/>
  <c r="G96" i="6"/>
  <c r="K95" i="6"/>
  <c r="J95" i="6"/>
  <c r="I95" i="6"/>
  <c r="H95" i="6"/>
  <c r="G95" i="6"/>
  <c r="K94" i="6"/>
  <c r="J94" i="6"/>
  <c r="I94" i="6"/>
  <c r="H94" i="6"/>
  <c r="G94" i="6"/>
  <c r="K93" i="6"/>
  <c r="J93" i="6"/>
  <c r="I93" i="6"/>
  <c r="H93" i="6"/>
  <c r="G93" i="6"/>
  <c r="K92" i="6"/>
  <c r="J92" i="6"/>
  <c r="I92" i="6"/>
  <c r="H92" i="6"/>
  <c r="G92" i="6"/>
  <c r="K91" i="6"/>
  <c r="J91" i="6"/>
  <c r="I91" i="6"/>
  <c r="H91" i="6"/>
  <c r="G91" i="6"/>
  <c r="K90" i="6"/>
  <c r="J90" i="6"/>
  <c r="I90" i="6"/>
  <c r="H90" i="6"/>
  <c r="G90" i="6"/>
  <c r="K89" i="6"/>
  <c r="J89" i="6"/>
  <c r="I89" i="6"/>
  <c r="H89" i="6"/>
  <c r="G89" i="6"/>
  <c r="K88" i="6"/>
  <c r="J88" i="6"/>
  <c r="I88" i="6"/>
  <c r="H88" i="6"/>
  <c r="G88" i="6"/>
  <c r="K87" i="6"/>
  <c r="J87" i="6"/>
  <c r="I87" i="6"/>
  <c r="H87" i="6"/>
  <c r="G87" i="6"/>
  <c r="K86" i="6"/>
  <c r="J86" i="6"/>
  <c r="I86" i="6"/>
  <c r="H86" i="6"/>
  <c r="G86" i="6"/>
  <c r="K85" i="6"/>
  <c r="J85" i="6"/>
  <c r="I85" i="6"/>
  <c r="H85" i="6"/>
  <c r="G85" i="6"/>
  <c r="K84" i="6"/>
  <c r="J84" i="6"/>
  <c r="I84" i="6"/>
  <c r="H84" i="6"/>
  <c r="G84" i="6"/>
  <c r="K83" i="6"/>
  <c r="J83" i="6"/>
  <c r="I83" i="6"/>
  <c r="H83" i="6"/>
  <c r="G83" i="6"/>
  <c r="K82" i="6"/>
  <c r="J82" i="6"/>
  <c r="I82" i="6"/>
  <c r="H82" i="6"/>
  <c r="G82" i="6"/>
  <c r="K81" i="6"/>
  <c r="J81" i="6"/>
  <c r="I81" i="6"/>
  <c r="H81" i="6"/>
  <c r="G81" i="6"/>
  <c r="K80" i="6"/>
  <c r="J80" i="6"/>
  <c r="I80" i="6"/>
  <c r="H80" i="6"/>
  <c r="G80" i="6"/>
  <c r="K79" i="6"/>
  <c r="J79" i="6"/>
  <c r="I79" i="6"/>
  <c r="H79" i="6"/>
  <c r="G79" i="6"/>
  <c r="K78" i="6"/>
  <c r="J78" i="6"/>
  <c r="I78" i="6"/>
  <c r="H78" i="6"/>
  <c r="G78" i="6"/>
  <c r="K77" i="6"/>
  <c r="J77" i="6"/>
  <c r="I77" i="6"/>
  <c r="H77" i="6"/>
  <c r="G77" i="6"/>
  <c r="K76" i="6"/>
  <c r="J76" i="6"/>
  <c r="I76" i="6"/>
  <c r="H76" i="6"/>
  <c r="G76" i="6"/>
  <c r="K75" i="6"/>
  <c r="J75" i="6"/>
  <c r="I75" i="6"/>
  <c r="H75" i="6"/>
  <c r="G75" i="6"/>
  <c r="K74" i="6"/>
  <c r="J74" i="6"/>
  <c r="I74" i="6"/>
  <c r="H74" i="6"/>
  <c r="G74" i="6"/>
  <c r="K73" i="6"/>
  <c r="J73" i="6"/>
  <c r="I73" i="6"/>
  <c r="H73" i="6"/>
  <c r="G73" i="6"/>
  <c r="K72" i="6"/>
  <c r="J72" i="6"/>
  <c r="I72" i="6"/>
  <c r="H72" i="6"/>
  <c r="G72" i="6"/>
  <c r="K71" i="6"/>
  <c r="J71" i="6"/>
  <c r="I71" i="6"/>
  <c r="H71" i="6"/>
  <c r="G71" i="6"/>
  <c r="K70" i="6"/>
  <c r="J70" i="6"/>
  <c r="I70" i="6"/>
  <c r="H70" i="6"/>
  <c r="G70" i="6"/>
  <c r="K69" i="6"/>
  <c r="J69" i="6"/>
  <c r="I69" i="6"/>
  <c r="H69" i="6"/>
  <c r="G69" i="6"/>
  <c r="K68" i="6"/>
  <c r="J68" i="6"/>
  <c r="I68" i="6"/>
  <c r="H68" i="6"/>
  <c r="G68" i="6"/>
  <c r="K67" i="6"/>
  <c r="J67" i="6"/>
  <c r="I67" i="6"/>
  <c r="H67" i="6"/>
  <c r="G67" i="6"/>
  <c r="K66" i="6"/>
  <c r="J66" i="6"/>
  <c r="I66" i="6"/>
  <c r="H66" i="6"/>
  <c r="G66" i="6"/>
  <c r="K65" i="6"/>
  <c r="J65" i="6"/>
  <c r="I65" i="6"/>
  <c r="H65" i="6"/>
  <c r="G65" i="6"/>
  <c r="K64" i="6"/>
  <c r="J64" i="6"/>
  <c r="I64" i="6"/>
  <c r="H64" i="6"/>
  <c r="G64" i="6"/>
  <c r="K63" i="6"/>
  <c r="J63" i="6"/>
  <c r="I63" i="6"/>
  <c r="H63" i="6"/>
  <c r="G63" i="6"/>
  <c r="K62" i="6"/>
  <c r="J62" i="6"/>
  <c r="I62" i="6"/>
  <c r="H62" i="6"/>
  <c r="G62" i="6"/>
  <c r="K61" i="6"/>
  <c r="J61" i="6"/>
  <c r="I61" i="6"/>
  <c r="H61" i="6"/>
  <c r="G61" i="6"/>
  <c r="K60" i="6"/>
  <c r="J60" i="6"/>
  <c r="I60" i="6"/>
  <c r="H60" i="6"/>
  <c r="G60" i="6"/>
  <c r="K59" i="6"/>
  <c r="J59" i="6"/>
  <c r="I59" i="6"/>
  <c r="H59" i="6"/>
  <c r="G59" i="6"/>
  <c r="K58" i="6"/>
  <c r="J58" i="6"/>
  <c r="I58" i="6"/>
  <c r="H58" i="6"/>
  <c r="G58" i="6"/>
  <c r="K57" i="6"/>
  <c r="J57" i="6"/>
  <c r="I57" i="6"/>
  <c r="H57" i="6"/>
  <c r="G57" i="6"/>
  <c r="K56" i="6"/>
  <c r="J56" i="6"/>
  <c r="I56" i="6"/>
  <c r="H56" i="6"/>
  <c r="G56" i="6"/>
  <c r="K55" i="6"/>
  <c r="J55" i="6"/>
  <c r="I55" i="6"/>
  <c r="H55" i="6"/>
  <c r="G55" i="6"/>
  <c r="K54" i="6"/>
  <c r="J54" i="6"/>
  <c r="I54" i="6"/>
  <c r="H54" i="6"/>
  <c r="G54" i="6"/>
  <c r="K53" i="6"/>
  <c r="J53" i="6"/>
  <c r="I53" i="6"/>
  <c r="H53" i="6"/>
  <c r="G53" i="6"/>
  <c r="K52" i="6"/>
  <c r="J52" i="6"/>
  <c r="I52" i="6"/>
  <c r="H52" i="6"/>
  <c r="G52" i="6"/>
  <c r="K51" i="6"/>
  <c r="J51" i="6"/>
  <c r="I51" i="6"/>
  <c r="H51" i="6"/>
  <c r="G51" i="6"/>
  <c r="K50" i="6"/>
  <c r="J50" i="6"/>
  <c r="I50" i="6"/>
  <c r="H50" i="6"/>
  <c r="G50" i="6"/>
  <c r="K49" i="6"/>
  <c r="J49" i="6"/>
  <c r="I49" i="6"/>
  <c r="H49" i="6"/>
  <c r="G49" i="6"/>
  <c r="K48" i="6"/>
  <c r="J48" i="6"/>
  <c r="I48" i="6"/>
  <c r="H48" i="6"/>
  <c r="G48" i="6"/>
  <c r="K47" i="6"/>
  <c r="J47" i="6"/>
  <c r="I47" i="6"/>
  <c r="H47" i="6"/>
  <c r="G47" i="6"/>
  <c r="K46" i="6"/>
  <c r="J46" i="6"/>
  <c r="I46" i="6"/>
  <c r="H46" i="6"/>
  <c r="G46" i="6"/>
  <c r="K45" i="6"/>
  <c r="J45" i="6"/>
  <c r="I45" i="6"/>
  <c r="H45" i="6"/>
  <c r="G45" i="6"/>
  <c r="K44" i="6"/>
  <c r="J44" i="6"/>
  <c r="I44" i="6"/>
  <c r="H44" i="6"/>
  <c r="G44" i="6"/>
  <c r="K43" i="6"/>
  <c r="J43" i="6"/>
  <c r="I43" i="6"/>
  <c r="H43" i="6"/>
  <c r="G43" i="6"/>
  <c r="K42" i="6"/>
  <c r="J42" i="6"/>
  <c r="I42" i="6"/>
  <c r="H42" i="6"/>
  <c r="G42" i="6"/>
  <c r="K41" i="6"/>
  <c r="J41" i="6"/>
  <c r="I41" i="6"/>
  <c r="H41" i="6"/>
  <c r="G41" i="6"/>
  <c r="K40" i="6"/>
  <c r="J40" i="6"/>
  <c r="I40" i="6"/>
  <c r="H40" i="6"/>
  <c r="G40" i="6"/>
  <c r="K39" i="6"/>
  <c r="J39" i="6"/>
  <c r="I39" i="6"/>
  <c r="H39" i="6"/>
  <c r="G39" i="6"/>
  <c r="K38" i="6"/>
  <c r="J38" i="6"/>
  <c r="I38" i="6"/>
  <c r="H38" i="6"/>
  <c r="G38" i="6"/>
  <c r="K37" i="6"/>
  <c r="J37" i="6"/>
  <c r="I37" i="6"/>
  <c r="H37" i="6"/>
  <c r="G37" i="6"/>
  <c r="K36" i="6"/>
  <c r="J36" i="6"/>
  <c r="I36" i="6"/>
  <c r="H36" i="6"/>
  <c r="G36" i="6"/>
  <c r="K35" i="6"/>
  <c r="J35" i="6"/>
  <c r="I35" i="6"/>
  <c r="H35" i="6"/>
  <c r="G35" i="6"/>
  <c r="K34" i="6"/>
  <c r="J34" i="6"/>
  <c r="I34" i="6"/>
  <c r="H34" i="6"/>
  <c r="G34" i="6"/>
  <c r="K33" i="6"/>
  <c r="J33" i="6"/>
  <c r="I33" i="6"/>
  <c r="H33" i="6"/>
  <c r="G33" i="6"/>
  <c r="K32" i="6"/>
  <c r="J32" i="6"/>
  <c r="I32" i="6"/>
  <c r="H32" i="6"/>
  <c r="G32" i="6"/>
  <c r="K31" i="6"/>
  <c r="J31" i="6"/>
  <c r="I31" i="6"/>
  <c r="H31" i="6"/>
  <c r="G31" i="6"/>
  <c r="K30" i="6"/>
  <c r="J30" i="6"/>
  <c r="I30" i="6"/>
  <c r="H30" i="6"/>
  <c r="G30" i="6"/>
  <c r="K29" i="6"/>
  <c r="J29" i="6"/>
  <c r="I29" i="6"/>
  <c r="H29" i="6"/>
  <c r="G29" i="6"/>
  <c r="K28" i="6"/>
  <c r="J28" i="6"/>
  <c r="I28" i="6"/>
  <c r="H28" i="6"/>
  <c r="G28" i="6"/>
  <c r="K27" i="6"/>
  <c r="J27" i="6"/>
  <c r="I27" i="6"/>
  <c r="H27" i="6"/>
  <c r="G27" i="6"/>
  <c r="K26" i="6"/>
  <c r="J26" i="6"/>
  <c r="I26" i="6"/>
  <c r="H26" i="6"/>
  <c r="G26" i="6"/>
  <c r="K25" i="6"/>
  <c r="J25" i="6"/>
  <c r="I25" i="6"/>
  <c r="H25" i="6"/>
  <c r="G25" i="6"/>
  <c r="K24" i="6"/>
  <c r="J24" i="6"/>
  <c r="I24" i="6"/>
  <c r="H24" i="6"/>
  <c r="G24" i="6"/>
  <c r="K23" i="6"/>
  <c r="J23" i="6"/>
  <c r="I23" i="6"/>
  <c r="H23" i="6"/>
  <c r="G23" i="6"/>
  <c r="K22" i="6"/>
  <c r="J22" i="6"/>
  <c r="I22" i="6"/>
  <c r="H22" i="6"/>
  <c r="G22" i="6"/>
  <c r="K21" i="6"/>
  <c r="J21" i="6"/>
  <c r="I21" i="6"/>
  <c r="H21" i="6"/>
  <c r="G21" i="6"/>
  <c r="K20" i="6"/>
  <c r="J20" i="6"/>
  <c r="I20" i="6"/>
  <c r="H20" i="6"/>
  <c r="G20" i="6"/>
  <c r="K19" i="6"/>
  <c r="J19" i="6"/>
  <c r="I19" i="6"/>
  <c r="H19" i="6"/>
  <c r="G19" i="6"/>
  <c r="K18" i="6"/>
  <c r="J18" i="6"/>
  <c r="I18" i="6"/>
  <c r="H18" i="6"/>
  <c r="G18" i="6"/>
  <c r="K17" i="6"/>
  <c r="J17" i="6"/>
  <c r="I17" i="6"/>
  <c r="H17" i="6"/>
  <c r="G17" i="6"/>
  <c r="K16" i="6"/>
  <c r="J16" i="6"/>
  <c r="I16" i="6"/>
  <c r="H16" i="6"/>
  <c r="G16" i="6"/>
  <c r="K15" i="6"/>
  <c r="J15" i="6"/>
  <c r="I15" i="6"/>
  <c r="H15" i="6"/>
  <c r="G15" i="6"/>
  <c r="K14" i="6"/>
  <c r="J14" i="6"/>
  <c r="I14" i="6"/>
  <c r="H14" i="6"/>
  <c r="G14" i="6"/>
  <c r="K13" i="6"/>
  <c r="J13" i="6"/>
  <c r="I13" i="6"/>
  <c r="H13" i="6"/>
  <c r="G13" i="6"/>
  <c r="K12" i="6"/>
  <c r="J12" i="6"/>
  <c r="I12" i="6"/>
  <c r="H12" i="6"/>
  <c r="G12" i="6"/>
  <c r="K11" i="6"/>
  <c r="J11" i="6"/>
  <c r="I11" i="6"/>
  <c r="H11" i="6"/>
  <c r="G11" i="6"/>
  <c r="K10" i="6"/>
  <c r="J10" i="6"/>
  <c r="I10" i="6"/>
  <c r="H10" i="6"/>
  <c r="G10" i="6"/>
  <c r="K9" i="6"/>
  <c r="J9" i="6"/>
  <c r="I9" i="6"/>
  <c r="H9" i="6"/>
  <c r="G9" i="6"/>
  <c r="K8" i="6"/>
  <c r="J8" i="6"/>
  <c r="I8" i="6"/>
  <c r="H8" i="6"/>
  <c r="G8" i="6"/>
  <c r="K7" i="6"/>
  <c r="J7" i="6"/>
  <c r="I7" i="6"/>
  <c r="H7" i="6"/>
  <c r="G7" i="6"/>
  <c r="K6" i="6"/>
  <c r="J6" i="6"/>
  <c r="I6" i="6"/>
  <c r="H6" i="6"/>
  <c r="G6" i="6"/>
  <c r="K5" i="6"/>
  <c r="J5" i="6"/>
  <c r="I5" i="6"/>
  <c r="H5" i="6"/>
  <c r="G5" i="6"/>
  <c r="K4" i="6"/>
  <c r="J4" i="6"/>
  <c r="I4" i="6"/>
  <c r="H4" i="6"/>
  <c r="G4" i="6"/>
  <c r="K3" i="6"/>
  <c r="J3" i="6"/>
  <c r="I3" i="6"/>
  <c r="H3" i="6"/>
  <c r="G3" i="6"/>
  <c r="B23" i="5"/>
  <c r="B101" i="6"/>
  <c r="B100" i="6"/>
  <c r="B99" i="6"/>
  <c r="B98" i="6"/>
  <c r="B97" i="6"/>
  <c r="B96" i="6"/>
  <c r="B95" i="6"/>
  <c r="B94" i="6"/>
  <c r="B93" i="6"/>
  <c r="B92" i="6"/>
  <c r="B91" i="6"/>
  <c r="B90" i="6"/>
  <c r="B89" i="6"/>
  <c r="B88" i="6"/>
  <c r="B87" i="6"/>
  <c r="B86" i="6"/>
  <c r="B85" i="6"/>
  <c r="B84" i="6"/>
  <c r="B83" i="6"/>
  <c r="B82" i="6"/>
  <c r="B81" i="6"/>
  <c r="B80" i="6"/>
  <c r="B79" i="6"/>
  <c r="B78" i="6"/>
  <c r="B77" i="6"/>
  <c r="B76" i="6"/>
  <c r="B75" i="6"/>
  <c r="B74" i="6"/>
  <c r="B73" i="6"/>
  <c r="B72" i="6"/>
  <c r="B71" i="6"/>
  <c r="B70" i="6"/>
  <c r="B69" i="6"/>
  <c r="B68" i="6"/>
  <c r="B67" i="6"/>
  <c r="B66" i="6"/>
  <c r="B65" i="6"/>
  <c r="B64" i="6"/>
  <c r="B63" i="6"/>
  <c r="B62" i="6"/>
  <c r="B61" i="6"/>
  <c r="B60" i="6"/>
  <c r="B59" i="6"/>
  <c r="B58" i="6"/>
  <c r="B57" i="6"/>
  <c r="B56" i="6"/>
  <c r="B55" i="6"/>
  <c r="B54" i="6"/>
  <c r="B53" i="6"/>
  <c r="B52" i="6"/>
  <c r="B51" i="6"/>
  <c r="B50" i="6"/>
  <c r="B49" i="6"/>
  <c r="B48" i="6"/>
  <c r="B47" i="6"/>
  <c r="B46" i="6"/>
  <c r="B45" i="6"/>
  <c r="B44" i="6"/>
  <c r="B43" i="6"/>
  <c r="B42" i="6"/>
  <c r="B41" i="6"/>
  <c r="B40" i="6"/>
  <c r="B39" i="6"/>
  <c r="B38" i="6"/>
  <c r="B37" i="6"/>
  <c r="B36" i="6"/>
  <c r="B35" i="6"/>
  <c r="B34" i="6"/>
  <c r="B33" i="6"/>
  <c r="B32" i="6"/>
  <c r="B31" i="6"/>
  <c r="B30" i="6"/>
  <c r="B29" i="6"/>
  <c r="B28" i="6"/>
  <c r="B27" i="6"/>
  <c r="B26" i="6"/>
  <c r="B25" i="6"/>
  <c r="B24" i="6"/>
  <c r="B23" i="6"/>
  <c r="B22" i="6"/>
  <c r="B21" i="6"/>
  <c r="B20" i="6"/>
  <c r="B19" i="6"/>
  <c r="B18" i="6"/>
  <c r="B17" i="6"/>
  <c r="B16" i="6"/>
  <c r="B15" i="6"/>
  <c r="B14" i="6"/>
  <c r="B13" i="6"/>
  <c r="B12" i="6"/>
  <c r="B11" i="6"/>
  <c r="B10" i="6"/>
  <c r="B9" i="6"/>
  <c r="B8" i="6"/>
  <c r="B7" i="6"/>
  <c r="B6" i="6"/>
  <c r="B5" i="6"/>
  <c r="B4" i="6"/>
  <c r="B3" i="6"/>
</calcChain>
</file>

<file path=xl/sharedStrings.xml><?xml version="1.0" encoding="utf-8"?>
<sst xmlns="http://schemas.openxmlformats.org/spreadsheetml/2006/main" count="133" uniqueCount="66">
  <si>
    <t>入館証発行申請書</t>
    <phoneticPr fontId="1"/>
  </si>
  <si>
    <t>〒</t>
  </si>
  <si>
    <t>所在地</t>
  </si>
  <si>
    <t>電話番号</t>
  </si>
  <si>
    <t>担当者名</t>
  </si>
  <si>
    <t>e-mail</t>
  </si>
  <si>
    <t>１　入館証が必要な理由（来院理由等）</t>
    <phoneticPr fontId="1"/>
  </si>
  <si>
    <t>管財課長</t>
    <phoneticPr fontId="1"/>
  </si>
  <si>
    <t>施設係長</t>
    <phoneticPr fontId="1"/>
  </si>
  <si>
    <t>係　員</t>
    <phoneticPr fontId="1"/>
  </si>
  <si>
    <t>【外部業者用】</t>
    <phoneticPr fontId="1"/>
  </si>
  <si>
    <t>日</t>
    <phoneticPr fontId="1"/>
  </si>
  <si>
    <t>月</t>
    <phoneticPr fontId="1"/>
  </si>
  <si>
    <t>年</t>
    <phoneticPr fontId="1"/>
  </si>
  <si>
    <t>令和</t>
    <phoneticPr fontId="1"/>
  </si>
  <si>
    <t>印</t>
    <phoneticPr fontId="1"/>
  </si>
  <si>
    <t>　入館証の発行を希望します。</t>
    <phoneticPr fontId="1"/>
  </si>
  <si>
    <t>　県立広島病院長　様</t>
    <phoneticPr fontId="1"/>
  </si>
  <si>
    <t>枚</t>
    <phoneticPr fontId="1"/>
  </si>
  <si>
    <t>決　裁</t>
    <phoneticPr fontId="1"/>
  </si>
  <si>
    <t>□許可
□不許可</t>
    <phoneticPr fontId="1"/>
  </si>
  <si>
    <t>　入館証を受領しました。</t>
    <phoneticPr fontId="1"/>
  </si>
  <si>
    <t>事業者名</t>
    <phoneticPr fontId="1"/>
  </si>
  <si>
    <t>事業者名</t>
    <phoneticPr fontId="1"/>
  </si>
  <si>
    <t>利用者氏名</t>
    <rPh sb="0" eb="3">
      <t>リヨウシャ</t>
    </rPh>
    <rPh sb="3" eb="5">
      <t>シメイ</t>
    </rPh>
    <phoneticPr fontId="1"/>
  </si>
  <si>
    <t>ﾌﾘｶﾞﾅ</t>
    <phoneticPr fontId="1"/>
  </si>
  <si>
    <t>２　必要枚数（利用者氏名リストを添付のこと）</t>
    <phoneticPr fontId="1"/>
  </si>
  <si>
    <t>利用者氏名リスト</t>
    <phoneticPr fontId="1"/>
  </si>
  <si>
    <t>№</t>
    <phoneticPr fontId="1"/>
  </si>
  <si>
    <t>事業者住所</t>
    <rPh sb="0" eb="3">
      <t>ジギョウシャ</t>
    </rPh>
    <rPh sb="3" eb="5">
      <t>ジュウショ</t>
    </rPh>
    <phoneticPr fontId="1"/>
  </si>
  <si>
    <t>郵便番号</t>
    <rPh sb="0" eb="4">
      <t>ユウビンバンゴウ</t>
    </rPh>
    <phoneticPr fontId="1"/>
  </si>
  <si>
    <t>※色付きの部分のみ入力のこと。</t>
    <rPh sb="1" eb="3">
      <t>イロツ</t>
    </rPh>
    <rPh sb="5" eb="7">
      <t>ブブン</t>
    </rPh>
    <rPh sb="9" eb="11">
      <t>ニュウリョク</t>
    </rPh>
    <phoneticPr fontId="1"/>
  </si>
  <si>
    <t>※シート「利用者氏名リスト」を入力のこと。</t>
    <rPh sb="5" eb="8">
      <t>リヨウシャ</t>
    </rPh>
    <rPh sb="8" eb="10">
      <t>シメイ</t>
    </rPh>
    <rPh sb="15" eb="17">
      <t>ニュウリョク</t>
    </rPh>
    <phoneticPr fontId="1"/>
  </si>
  <si>
    <t>広島　一郎</t>
    <rPh sb="0" eb="2">
      <t>ヒロシマ</t>
    </rPh>
    <rPh sb="3" eb="5">
      <t>イチロウ</t>
    </rPh>
    <phoneticPr fontId="1"/>
  </si>
  <si>
    <t>注意事項</t>
    <rPh sb="0" eb="2">
      <t>チュウイ</t>
    </rPh>
    <rPh sb="2" eb="4">
      <t>ジコウ</t>
    </rPh>
    <phoneticPr fontId="1"/>
  </si>
  <si>
    <t>来院頻度(年平均)</t>
    <rPh sb="0" eb="2">
      <t>ライイン</t>
    </rPh>
    <rPh sb="2" eb="4">
      <t>ヒンド</t>
    </rPh>
    <rPh sb="5" eb="8">
      <t>ネンヘイキン</t>
    </rPh>
    <phoneticPr fontId="1"/>
  </si>
  <si>
    <t>週1以上</t>
  </si>
  <si>
    <t>月2以上</t>
  </si>
  <si>
    <t>代表者名</t>
    <rPh sb="0" eb="4">
      <t>ダイヒョウシャメイ</t>
    </rPh>
    <phoneticPr fontId="1"/>
  </si>
  <si>
    <t>受領者名</t>
    <rPh sb="0" eb="4">
      <t>ジュリョウシャメイ</t>
    </rPh>
    <phoneticPr fontId="1"/>
  </si>
  <si>
    <r>
      <t>※メールで申請後，受領時に，社印（代表者印）を押印した</t>
    </r>
    <r>
      <rPr>
        <b/>
        <sz val="14"/>
        <color rgb="FFFFFF00"/>
        <rFont val="ＭＳ ゴシック"/>
        <family val="3"/>
        <charset val="128"/>
      </rPr>
      <t>紙ベースの申請書</t>
    </r>
    <r>
      <rPr>
        <sz val="14"/>
        <color rgb="FFFFFF00"/>
        <rFont val="ＭＳ ゴシック"/>
        <family val="3"/>
        <charset val="128"/>
      </rPr>
      <t>を提出のこと。</t>
    </r>
    <rPh sb="5" eb="8">
      <t>シンセイゴ</t>
    </rPh>
    <rPh sb="9" eb="12">
      <t>ジュリョウジ</t>
    </rPh>
    <rPh sb="14" eb="16">
      <t>シャイン</t>
    </rPh>
    <rPh sb="17" eb="21">
      <t>ダイヒョウシャイン</t>
    </rPh>
    <rPh sb="23" eb="25">
      <t>オウイン</t>
    </rPh>
    <rPh sb="27" eb="28">
      <t>カミ</t>
    </rPh>
    <rPh sb="32" eb="35">
      <t>シンセイショ</t>
    </rPh>
    <rPh sb="36" eb="38">
      <t>テイシュツ</t>
    </rPh>
    <phoneticPr fontId="1"/>
  </si>
  <si>
    <t>　これらの建物への入館理由を詳細に記載すること。</t>
    <rPh sb="5" eb="7">
      <t>タテモノ</t>
    </rPh>
    <rPh sb="9" eb="13">
      <t>ニュウカンリユウ</t>
    </rPh>
    <rPh sb="14" eb="16">
      <t>ショウサイ</t>
    </rPh>
    <rPh sb="17" eb="19">
      <t>キサイ</t>
    </rPh>
    <phoneticPr fontId="1"/>
  </si>
  <si>
    <t>※来院頻度が一定未満の来院者には，総合案内にてゲストカードを貸与します。</t>
    <rPh sb="6" eb="8">
      <t>イッテイ</t>
    </rPh>
    <rPh sb="8" eb="10">
      <t>ミマン</t>
    </rPh>
    <rPh sb="17" eb="21">
      <t>ソウゴウアンナイ</t>
    </rPh>
    <rPh sb="30" eb="32">
      <t>タイヨ</t>
    </rPh>
    <phoneticPr fontId="1"/>
  </si>
  <si>
    <t>受　領　書</t>
    <phoneticPr fontId="1"/>
  </si>
  <si>
    <t>来院頻度が一定以上の来院者に個人毎にカードを１枚発行します。</t>
    <rPh sb="14" eb="17">
      <t>コジンゴト</t>
    </rPh>
    <phoneticPr fontId="1"/>
  </si>
  <si>
    <t>※（利用申請対象者ではなく）申請担当者を記載すること。</t>
    <rPh sb="2" eb="4">
      <t>リヨウ</t>
    </rPh>
    <rPh sb="14" eb="19">
      <t>シンセイタントウシャ</t>
    </rPh>
    <rPh sb="20" eb="22">
      <t>キサイ</t>
    </rPh>
    <phoneticPr fontId="1"/>
  </si>
  <si>
    <t>※出入りに入館証が必要なのは管理棟及び北棟のため（中央棟の患者ルートの出入では不要），</t>
    <rPh sb="1" eb="3">
      <t>デイ</t>
    </rPh>
    <rPh sb="5" eb="8">
      <t>ニュウカンショウ</t>
    </rPh>
    <rPh sb="9" eb="11">
      <t>ヒツヨウ</t>
    </rPh>
    <rPh sb="14" eb="17">
      <t>カンリトウ</t>
    </rPh>
    <rPh sb="17" eb="18">
      <t>オヨ</t>
    </rPh>
    <rPh sb="19" eb="21">
      <t>キタトウ</t>
    </rPh>
    <rPh sb="25" eb="28">
      <t>チュウオウトウ</t>
    </rPh>
    <rPh sb="29" eb="31">
      <t>カンジャ</t>
    </rPh>
    <rPh sb="35" eb="37">
      <t>デイリ</t>
    </rPh>
    <rPh sb="39" eb="41">
      <t>フヨウ</t>
    </rPh>
    <phoneticPr fontId="1"/>
  </si>
  <si>
    <t>※来院頻度が一定以上の来院者に個人毎にカードを１枚発行します。
　カードの貸し借りは禁止です。必要な利用者はすべてリストアップしてください。
　また，人事異動・退職の際やカードを紛失した際は，必ず速やかに届け出てください。</t>
    <rPh sb="1" eb="3">
      <t>ライイン</t>
    </rPh>
    <rPh sb="3" eb="5">
      <t>ヒンド</t>
    </rPh>
    <rPh sb="6" eb="8">
      <t>イッテイ</t>
    </rPh>
    <rPh sb="8" eb="10">
      <t>イジョウ</t>
    </rPh>
    <rPh sb="15" eb="18">
      <t>コジンゴト</t>
    </rPh>
    <rPh sb="24" eb="25">
      <t>マイ</t>
    </rPh>
    <rPh sb="75" eb="77">
      <t>ジンジ</t>
    </rPh>
    <rPh sb="77" eb="79">
      <t>イドウ</t>
    </rPh>
    <rPh sb="80" eb="82">
      <t>タイショク</t>
    </rPh>
    <rPh sb="83" eb="84">
      <t>サイ</t>
    </rPh>
    <rPh sb="89" eb="91">
      <t>フンシツ</t>
    </rPh>
    <rPh sb="93" eb="94">
      <t>サイ</t>
    </rPh>
    <rPh sb="96" eb="97">
      <t>カナラ</t>
    </rPh>
    <rPh sb="98" eb="99">
      <t>スミ</t>
    </rPh>
    <rPh sb="102" eb="103">
      <t>トド</t>
    </rPh>
    <rPh sb="104" eb="105">
      <t>デ</t>
    </rPh>
    <phoneticPr fontId="1"/>
  </si>
  <si>
    <t>カードの貸し借りは禁止です。必要な利用者はすべて記入してください。</t>
    <rPh sb="24" eb="26">
      <t>キニュウ</t>
    </rPh>
    <phoneticPr fontId="1"/>
  </si>
  <si>
    <t>また，人事異動・退職の際やカードを紛失した際は，必ず速やかに届け出てください。</t>
    <phoneticPr fontId="1"/>
  </si>
  <si>
    <t>来院頻度が一定未満の来院者には，総合案内にてゲストカードを貸与します。</t>
    <phoneticPr fontId="1"/>
  </si>
  <si>
    <t>　申請担当者は，当院からの問い合わせ担当として原則１事業者１名としてください。</t>
    <rPh sb="1" eb="6">
      <t>シンセイタントウシャ</t>
    </rPh>
    <rPh sb="8" eb="10">
      <t>トウイン</t>
    </rPh>
    <rPh sb="13" eb="14">
      <t>ト</t>
    </rPh>
    <rPh sb="15" eb="16">
      <t>ア</t>
    </rPh>
    <rPh sb="18" eb="20">
      <t>タントウ</t>
    </rPh>
    <rPh sb="23" eb="25">
      <t>ゲンソク</t>
    </rPh>
    <rPh sb="26" eb="29">
      <t>ジギョウシャ</t>
    </rPh>
    <rPh sb="30" eb="31">
      <t>メイ</t>
    </rPh>
    <phoneticPr fontId="1"/>
  </si>
  <si>
    <t>広島市南区宇品神田一丁目5番54号</t>
    <rPh sb="0" eb="2">
      <t>ヒロシマ</t>
    </rPh>
    <rPh sb="2" eb="3">
      <t>シ</t>
    </rPh>
    <rPh sb="3" eb="4">
      <t>ミナミ</t>
    </rPh>
    <rPh sb="4" eb="5">
      <t>ク</t>
    </rPh>
    <rPh sb="5" eb="7">
      <t>ウジナ</t>
    </rPh>
    <rPh sb="7" eb="9">
      <t>カンダ</t>
    </rPh>
    <rPh sb="9" eb="10">
      <t>イッ</t>
    </rPh>
    <rPh sb="10" eb="12">
      <t>チョウメ</t>
    </rPh>
    <rPh sb="13" eb="14">
      <t>バン</t>
    </rPh>
    <rPh sb="16" eb="17">
      <t>ゴウ</t>
    </rPh>
    <phoneticPr fontId="1"/>
  </si>
  <si>
    <t>(株)広島病院</t>
    <rPh sb="0" eb="3">
      <t>カブシキガイシャ</t>
    </rPh>
    <rPh sb="3" eb="7">
      <t>ヒロシマビョウイン</t>
    </rPh>
    <phoneticPr fontId="1"/>
  </si>
  <si>
    <t>宇品　次郎</t>
    <rPh sb="0" eb="2">
      <t>ウジナ</t>
    </rPh>
    <rPh sb="3" eb="5">
      <t>ジロウ</t>
    </rPh>
    <phoneticPr fontId="1"/>
  </si>
  <si>
    <t>xxxxxxxxxx@gmail.com</t>
    <phoneticPr fontId="1"/>
  </si>
  <si>
    <t>082-XXX-0119</t>
    <phoneticPr fontId="1"/>
  </si>
  <si>
    <t>物品の納品や請求書を北棟管財課に届ける必要があるため。</t>
    <rPh sb="0" eb="2">
      <t>ブッピン</t>
    </rPh>
    <rPh sb="3" eb="5">
      <t>ノウヒン</t>
    </rPh>
    <rPh sb="6" eb="9">
      <t>セイキュウショ</t>
    </rPh>
    <rPh sb="10" eb="15">
      <t>キタトウカンザイカ</t>
    </rPh>
    <rPh sb="16" eb="17">
      <t>トド</t>
    </rPh>
    <rPh sb="19" eb="21">
      <t>ヒツヨウ</t>
    </rPh>
    <phoneticPr fontId="1"/>
  </si>
  <si>
    <t>734-0004</t>
    <phoneticPr fontId="1"/>
  </si>
  <si>
    <t>南区　一郎</t>
    <rPh sb="0" eb="1">
      <t>ミナミ</t>
    </rPh>
    <rPh sb="1" eb="2">
      <t>ク</t>
    </rPh>
    <rPh sb="3" eb="5">
      <t>イチロウ</t>
    </rPh>
    <phoneticPr fontId="1"/>
  </si>
  <si>
    <t>東区　次郎</t>
    <rPh sb="0" eb="2">
      <t>ヒガシク</t>
    </rPh>
    <rPh sb="3" eb="5">
      <t>ジロウ</t>
    </rPh>
    <phoneticPr fontId="1"/>
  </si>
  <si>
    <t>中区　花子</t>
    <rPh sb="0" eb="2">
      <t>ナカク</t>
    </rPh>
    <rPh sb="3" eb="5">
      <t>ハナコ</t>
    </rPh>
    <phoneticPr fontId="1"/>
  </si>
  <si>
    <t>ﾐﾅﾐｸ ｲﾁﾛｳ</t>
    <phoneticPr fontId="1"/>
  </si>
  <si>
    <t>ﾋｶﾞｼｸ ｼﾞﾛｳ</t>
    <phoneticPr fontId="1"/>
  </si>
  <si>
    <t>ﾅｶｸ ﾊﾅｺ</t>
    <phoneticPr fontId="1"/>
  </si>
  <si>
    <t>月1以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ゴシック"/>
      <family val="3"/>
      <charset val="128"/>
    </font>
    <font>
      <sz val="36"/>
      <color theme="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u/>
      <sz val="11"/>
      <color theme="10"/>
      <name val="ＭＳ Ｐゴシック"/>
      <family val="2"/>
      <charset val="128"/>
      <scheme val="minor"/>
    </font>
    <font>
      <sz val="11"/>
      <color rgb="FFFF0000"/>
      <name val="ＭＳ Ｐ明朝"/>
      <family val="1"/>
      <charset val="128"/>
    </font>
    <font>
      <sz val="11"/>
      <color rgb="FFFF0000"/>
      <name val="ＭＳ Ｐゴシック"/>
      <family val="3"/>
      <charset val="128"/>
    </font>
    <font>
      <sz val="11"/>
      <color rgb="FFFF0000"/>
      <name val="ＭＳ ゴシック"/>
      <family val="3"/>
      <charset val="128"/>
    </font>
    <font>
      <u/>
      <sz val="11"/>
      <color rgb="FFFF0000"/>
      <name val="ＭＳ Ｐゴシック"/>
      <family val="2"/>
      <charset val="128"/>
      <scheme val="minor"/>
    </font>
    <font>
      <sz val="18"/>
      <color theme="1"/>
      <name val="ＭＳ ゴシック"/>
      <family val="3"/>
      <charset val="128"/>
    </font>
    <font>
      <sz val="14"/>
      <color rgb="FFFFFF00"/>
      <name val="ＭＳ ゴシック"/>
      <family val="3"/>
      <charset val="128"/>
    </font>
    <font>
      <b/>
      <sz val="14"/>
      <color rgb="FFFFFF00"/>
      <name val="ＭＳ ゴシック"/>
      <family val="3"/>
      <charset val="128"/>
    </font>
    <font>
      <sz val="11"/>
      <color rgb="FFFFFF00"/>
      <name val="ＭＳ 明朝"/>
      <family val="1"/>
      <charset val="128"/>
    </font>
    <font>
      <sz val="11"/>
      <color rgb="FFFFFF00"/>
      <name val="ＭＳ ゴシック"/>
      <family val="3"/>
      <charset val="128"/>
    </font>
    <font>
      <b/>
      <sz val="11"/>
      <color rgb="FFFFFF00"/>
      <name val="ＭＳ ゴシック"/>
      <family val="3"/>
      <charset val="128"/>
    </font>
    <font>
      <sz val="11"/>
      <color rgb="FFFF0000"/>
      <name val="ＭＳ 明朝"/>
      <family val="1"/>
      <charset val="128"/>
    </font>
    <font>
      <sz val="1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ashDotDot">
        <color auto="1"/>
      </bottom>
      <diagonal/>
    </border>
    <border>
      <left/>
      <right/>
      <top style="dashDotDot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9" fillId="0" borderId="0" applyNumberFormat="0" applyFill="0" applyBorder="0" applyAlignment="0" applyProtection="0">
      <alignment vertical="center"/>
    </xf>
  </cellStyleXfs>
  <cellXfs count="141">
    <xf numFmtId="0" fontId="0" fillId="0" borderId="0" xfId="0">
      <alignment vertical="center"/>
    </xf>
    <xf numFmtId="0" fontId="5" fillId="2" borderId="0" xfId="0" applyFont="1" applyFill="1" applyAlignment="1" applyProtection="1">
      <alignment horizontal="center" vertical="center"/>
      <protection locked="0"/>
    </xf>
    <xf numFmtId="0" fontId="2" fillId="2" borderId="8" xfId="0" applyFont="1" applyFill="1" applyBorder="1" applyProtection="1">
      <alignment vertical="center"/>
      <protection locked="0"/>
    </xf>
    <xf numFmtId="0" fontId="3" fillId="3" borderId="0" xfId="0" applyFont="1" applyFill="1" applyProtection="1">
      <alignment vertical="center"/>
    </xf>
    <xf numFmtId="0" fontId="2" fillId="3" borderId="0" xfId="0" applyFont="1" applyFill="1" applyAlignment="1" applyProtection="1">
      <alignment horizontal="right" vertical="center"/>
    </xf>
    <xf numFmtId="0" fontId="2" fillId="3" borderId="0" xfId="0" applyFont="1" applyFill="1" applyProtection="1">
      <alignment vertical="center"/>
    </xf>
    <xf numFmtId="0" fontId="3" fillId="3" borderId="0" xfId="0" applyFont="1" applyFill="1" applyAlignment="1" applyProtection="1">
      <alignment horizontal="center" vertical="center"/>
    </xf>
    <xf numFmtId="0" fontId="15" fillId="3" borderId="0" xfId="0" applyFont="1" applyFill="1" applyProtection="1">
      <alignment vertical="center"/>
    </xf>
    <xf numFmtId="0" fontId="3" fillId="3" borderId="0" xfId="0" applyFont="1" applyFill="1" applyAlignment="1" applyProtection="1">
      <alignment horizontal="right"/>
    </xf>
    <xf numFmtId="0" fontId="15" fillId="3" borderId="0" xfId="0" applyFont="1" applyFill="1" applyAlignment="1" applyProtection="1">
      <alignment vertical="center"/>
    </xf>
    <xf numFmtId="0" fontId="0" fillId="3" borderId="0" xfId="0" applyFill="1" applyAlignment="1" applyProtection="1">
      <alignment vertical="center"/>
    </xf>
    <xf numFmtId="0" fontId="3" fillId="3" borderId="0" xfId="0" applyFont="1" applyFill="1" applyAlignment="1" applyProtection="1">
      <alignment vertical="center"/>
    </xf>
    <xf numFmtId="0" fontId="5" fillId="3" borderId="0" xfId="0" applyFont="1" applyFill="1" applyAlignment="1" applyProtection="1">
      <alignment horizontal="right"/>
    </xf>
    <xf numFmtId="0" fontId="15" fillId="3" borderId="0" xfId="0" applyFont="1" applyFill="1" applyAlignment="1" applyProtection="1">
      <alignment vertical="top"/>
    </xf>
    <xf numFmtId="0" fontId="17" fillId="3" borderId="0" xfId="0" applyFont="1" applyFill="1" applyProtection="1">
      <alignment vertical="center"/>
    </xf>
    <xf numFmtId="0" fontId="8" fillId="3" borderId="4" xfId="0" applyFont="1" applyFill="1" applyBorder="1" applyProtection="1">
      <alignment vertical="center"/>
    </xf>
    <xf numFmtId="0" fontId="3" fillId="3" borderId="6" xfId="0" applyFont="1" applyFill="1" applyBorder="1" applyProtection="1">
      <alignment vertical="center"/>
    </xf>
    <xf numFmtId="0" fontId="18" fillId="3" borderId="0" xfId="0" applyFont="1" applyFill="1" applyProtection="1">
      <alignment vertical="center"/>
    </xf>
    <xf numFmtId="0" fontId="3" fillId="3" borderId="7" xfId="0" applyFont="1" applyFill="1" applyBorder="1" applyProtection="1">
      <alignment vertical="center"/>
    </xf>
    <xf numFmtId="0" fontId="3" fillId="3" borderId="8" xfId="0" applyFont="1" applyFill="1" applyBorder="1" applyAlignment="1" applyProtection="1">
      <alignment horizontal="center" vertical="center"/>
    </xf>
    <xf numFmtId="0" fontId="3" fillId="3" borderId="9" xfId="0" applyFont="1" applyFill="1" applyBorder="1" applyAlignment="1" applyProtection="1">
      <alignment horizontal="center" vertical="center"/>
    </xf>
    <xf numFmtId="0" fontId="3" fillId="3" borderId="2" xfId="0" applyFont="1" applyFill="1" applyBorder="1" applyProtection="1">
      <alignment vertical="center"/>
    </xf>
    <xf numFmtId="0" fontId="3" fillId="3" borderId="10" xfId="0" applyFont="1" applyFill="1" applyBorder="1" applyProtection="1">
      <alignment vertical="center"/>
    </xf>
    <xf numFmtId="0" fontId="5" fillId="3" borderId="0" xfId="0" applyFont="1" applyFill="1" applyAlignment="1" applyProtection="1">
      <alignment horizontal="center" vertical="center"/>
    </xf>
    <xf numFmtId="0" fontId="3" fillId="3" borderId="0" xfId="0" applyFont="1" applyFill="1" applyBorder="1" applyProtection="1">
      <alignment vertical="center"/>
    </xf>
    <xf numFmtId="0" fontId="6" fillId="0" borderId="0" xfId="0" applyFont="1" applyBorder="1" applyAlignment="1" applyProtection="1">
      <alignment horizontal="center" vertical="center"/>
    </xf>
    <xf numFmtId="0" fontId="6" fillId="0" borderId="0" xfId="0" applyFont="1" applyAlignment="1" applyProtection="1">
      <alignment horizontal="center" vertical="center"/>
    </xf>
    <xf numFmtId="0" fontId="3" fillId="0" borderId="0" xfId="0" applyFont="1" applyProtection="1">
      <alignment vertical="center"/>
    </xf>
    <xf numFmtId="0" fontId="2" fillId="0" borderId="8" xfId="0" applyFont="1" applyBorder="1" applyAlignment="1" applyProtection="1">
      <alignment horizontal="center" vertical="center"/>
    </xf>
    <xf numFmtId="0" fontId="2" fillId="0" borderId="8" xfId="0" applyFont="1" applyBorder="1" applyProtection="1">
      <alignment vertical="center"/>
    </xf>
    <xf numFmtId="0" fontId="5" fillId="0" borderId="8" xfId="0" applyFont="1" applyBorder="1" applyProtection="1">
      <alignment vertical="center"/>
    </xf>
    <xf numFmtId="0" fontId="2" fillId="2" borderId="8" xfId="0" applyFont="1" applyFill="1" applyBorder="1" applyProtection="1">
      <alignment vertical="center"/>
    </xf>
    <xf numFmtId="0" fontId="19" fillId="2" borderId="8" xfId="0" applyFont="1" applyFill="1" applyBorder="1" applyProtection="1">
      <alignment vertical="center"/>
    </xf>
    <xf numFmtId="0" fontId="19" fillId="0" borderId="8" xfId="0" applyFont="1" applyBorder="1" applyProtection="1">
      <alignment vertical="center"/>
    </xf>
    <xf numFmtId="0" fontId="3" fillId="0" borderId="8" xfId="0" applyFont="1" applyBorder="1" applyAlignment="1" applyProtection="1">
      <alignment vertical="center" shrinkToFit="1"/>
      <protection hidden="1"/>
    </xf>
    <xf numFmtId="0" fontId="5" fillId="2" borderId="8" xfId="0" applyFont="1" applyFill="1" applyBorder="1" applyProtection="1">
      <alignment vertical="center"/>
      <protection hidden="1"/>
    </xf>
    <xf numFmtId="0" fontId="3" fillId="0" borderId="8" xfId="0" applyFont="1" applyBorder="1" applyProtection="1">
      <alignment vertical="center"/>
      <protection hidden="1"/>
    </xf>
    <xf numFmtId="0" fontId="5" fillId="0" borderId="8" xfId="0" applyFont="1" applyBorder="1" applyProtection="1">
      <alignment vertical="center"/>
      <protection hidden="1"/>
    </xf>
    <xf numFmtId="0" fontId="3" fillId="3" borderId="0" xfId="0" applyFont="1" applyFill="1" applyProtection="1">
      <alignment vertical="center"/>
      <protection hidden="1"/>
    </xf>
    <xf numFmtId="0" fontId="2" fillId="3" borderId="0" xfId="0" applyFont="1" applyFill="1" applyAlignment="1" applyProtection="1">
      <alignment horizontal="right" vertical="center"/>
      <protection hidden="1"/>
    </xf>
    <xf numFmtId="0" fontId="2" fillId="3" borderId="0" xfId="0" applyFont="1" applyFill="1" applyProtection="1">
      <alignment vertical="center"/>
      <protection hidden="1"/>
    </xf>
    <xf numFmtId="0" fontId="3" fillId="3" borderId="0" xfId="0" applyFont="1" applyFill="1" applyAlignment="1" applyProtection="1">
      <alignment horizontal="center" vertical="center"/>
      <protection hidden="1"/>
    </xf>
    <xf numFmtId="0" fontId="10" fillId="2" borderId="0" xfId="0" applyFont="1" applyFill="1" applyAlignment="1" applyProtection="1">
      <alignment horizontal="center" vertical="center"/>
      <protection hidden="1"/>
    </xf>
    <xf numFmtId="0" fontId="15" fillId="3" borderId="0" xfId="0" applyFont="1" applyFill="1" applyProtection="1">
      <alignment vertical="center"/>
      <protection hidden="1"/>
    </xf>
    <xf numFmtId="0" fontId="3" fillId="3" borderId="0" xfId="0" applyFont="1" applyFill="1" applyAlignment="1" applyProtection="1">
      <alignment horizontal="right"/>
      <protection hidden="1"/>
    </xf>
    <xf numFmtId="0" fontId="15" fillId="3" borderId="0" xfId="0" applyFont="1" applyFill="1" applyAlignment="1" applyProtection="1">
      <alignment vertical="center"/>
      <protection hidden="1"/>
    </xf>
    <xf numFmtId="0" fontId="0" fillId="3" borderId="0" xfId="0" applyFill="1" applyAlignment="1" applyProtection="1">
      <alignment vertical="center"/>
      <protection hidden="1"/>
    </xf>
    <xf numFmtId="0" fontId="3" fillId="3" borderId="0" xfId="0" applyFont="1" applyFill="1" applyAlignment="1" applyProtection="1">
      <alignment vertical="center"/>
      <protection hidden="1"/>
    </xf>
    <xf numFmtId="0" fontId="5" fillId="3" borderId="0" xfId="0" applyFont="1" applyFill="1" applyAlignment="1" applyProtection="1">
      <alignment horizontal="right"/>
      <protection hidden="1"/>
    </xf>
    <xf numFmtId="0" fontId="15" fillId="3" borderId="0" xfId="0" applyFont="1" applyFill="1" applyAlignment="1" applyProtection="1">
      <alignment vertical="top"/>
      <protection hidden="1"/>
    </xf>
    <xf numFmtId="0" fontId="17" fillId="3" borderId="0" xfId="0" applyFont="1" applyFill="1" applyProtection="1">
      <alignment vertical="center"/>
      <protection hidden="1"/>
    </xf>
    <xf numFmtId="0" fontId="8" fillId="3" borderId="4" xfId="0" applyFont="1" applyFill="1" applyBorder="1" applyProtection="1">
      <alignment vertical="center"/>
      <protection hidden="1"/>
    </xf>
    <xf numFmtId="0" fontId="3" fillId="3" borderId="6" xfId="0" applyFont="1" applyFill="1" applyBorder="1" applyProtection="1">
      <alignment vertical="center"/>
      <protection hidden="1"/>
    </xf>
    <xf numFmtId="0" fontId="18" fillId="3" borderId="0" xfId="0" applyFont="1" applyFill="1" applyProtection="1">
      <alignment vertical="center"/>
      <protection hidden="1"/>
    </xf>
    <xf numFmtId="0" fontId="3" fillId="3" borderId="7" xfId="0" applyFont="1" applyFill="1" applyBorder="1" applyProtection="1">
      <alignment vertical="center"/>
      <protection hidden="1"/>
    </xf>
    <xf numFmtId="0" fontId="3" fillId="3" borderId="8" xfId="0" applyFont="1" applyFill="1" applyBorder="1" applyAlignment="1" applyProtection="1">
      <alignment horizontal="center" vertical="center"/>
      <protection hidden="1"/>
    </xf>
    <xf numFmtId="0" fontId="3" fillId="3" borderId="9" xfId="0" applyFont="1" applyFill="1" applyBorder="1" applyAlignment="1" applyProtection="1">
      <alignment horizontal="center" vertical="center"/>
      <protection hidden="1"/>
    </xf>
    <xf numFmtId="0" fontId="3" fillId="3" borderId="2" xfId="0" applyFont="1" applyFill="1" applyBorder="1" applyProtection="1">
      <alignment vertical="center"/>
      <protection hidden="1"/>
    </xf>
    <xf numFmtId="0" fontId="3" fillId="3" borderId="10" xfId="0" applyFont="1" applyFill="1" applyBorder="1" applyProtection="1">
      <alignment vertical="center"/>
      <protection hidden="1"/>
    </xf>
    <xf numFmtId="0" fontId="5" fillId="3" borderId="0" xfId="0" applyFont="1" applyFill="1" applyAlignment="1" applyProtection="1">
      <alignment horizontal="center" vertical="center"/>
      <protection hidden="1"/>
    </xf>
    <xf numFmtId="0" fontId="3" fillId="3" borderId="0" xfId="0" applyFont="1" applyFill="1" applyBorder="1" applyProtection="1">
      <alignment vertical="center"/>
      <protection hidden="1"/>
    </xf>
    <xf numFmtId="0" fontId="6" fillId="0" borderId="0" xfId="0" applyFont="1" applyBorder="1" applyAlignment="1" applyProtection="1">
      <alignment horizontal="center" vertical="center"/>
      <protection hidden="1"/>
    </xf>
    <xf numFmtId="0" fontId="6" fillId="0" borderId="0" xfId="0" applyFont="1" applyAlignment="1" applyProtection="1">
      <alignment horizontal="center" vertical="center"/>
      <protection hidden="1"/>
    </xf>
    <xf numFmtId="0" fontId="3" fillId="0" borderId="0" xfId="0" applyFont="1" applyProtection="1">
      <alignment vertical="center"/>
      <protection hidden="1"/>
    </xf>
    <xf numFmtId="0" fontId="2" fillId="0" borderId="8" xfId="0" applyFont="1" applyBorder="1" applyAlignment="1" applyProtection="1">
      <alignment horizontal="center" vertical="center"/>
      <protection hidden="1"/>
    </xf>
    <xf numFmtId="0" fontId="2" fillId="0" borderId="8" xfId="0" applyFont="1" applyBorder="1" applyProtection="1">
      <alignment vertical="center"/>
      <protection hidden="1"/>
    </xf>
    <xf numFmtId="0" fontId="19" fillId="0" borderId="8" xfId="0" applyFont="1" applyBorder="1" applyProtection="1">
      <alignment vertical="center"/>
      <protection hidden="1"/>
    </xf>
    <xf numFmtId="0" fontId="12" fillId="2" borderId="8" xfId="0" applyFont="1" applyFill="1" applyBorder="1" applyProtection="1">
      <alignment vertical="center"/>
      <protection hidden="1"/>
    </xf>
    <xf numFmtId="0" fontId="19" fillId="2" borderId="8" xfId="0" applyFont="1" applyFill="1" applyBorder="1" applyProtection="1">
      <alignment vertical="center"/>
      <protection hidden="1"/>
    </xf>
    <xf numFmtId="0" fontId="2" fillId="2" borderId="8" xfId="0" applyFont="1" applyFill="1" applyBorder="1" applyProtection="1">
      <alignment vertical="center"/>
      <protection hidden="1"/>
    </xf>
    <xf numFmtId="0" fontId="21" fillId="2" borderId="8" xfId="0" applyFont="1" applyFill="1" applyBorder="1" applyProtection="1">
      <alignment vertical="center"/>
      <protection locked="0"/>
    </xf>
    <xf numFmtId="0" fontId="15" fillId="3" borderId="0" xfId="0" applyFont="1" applyFill="1" applyAlignment="1" applyProtection="1">
      <alignment horizontal="left" vertical="center" wrapText="1"/>
    </xf>
    <xf numFmtId="0" fontId="6" fillId="3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left"/>
      <protection locked="0"/>
    </xf>
    <xf numFmtId="0" fontId="2" fillId="2" borderId="1" xfId="0" applyFont="1" applyFill="1" applyBorder="1" applyAlignment="1" applyProtection="1">
      <alignment horizontal="left" shrinkToFit="1"/>
      <protection locked="0"/>
    </xf>
    <xf numFmtId="0" fontId="2" fillId="2" borderId="2" xfId="0" applyFont="1" applyFill="1" applyBorder="1" applyAlignment="1" applyProtection="1">
      <alignment horizontal="left" shrinkToFit="1"/>
      <protection locked="0"/>
    </xf>
    <xf numFmtId="0" fontId="3" fillId="3" borderId="2" xfId="0" applyFont="1" applyFill="1" applyBorder="1" applyAlignment="1" applyProtection="1">
      <alignment horizontal="center"/>
    </xf>
    <xf numFmtId="0" fontId="3" fillId="3" borderId="2" xfId="0" applyFont="1" applyFill="1" applyBorder="1" applyAlignment="1" applyProtection="1">
      <alignment horizontal="left"/>
    </xf>
    <xf numFmtId="0" fontId="2" fillId="2" borderId="2" xfId="0" applyFont="1" applyFill="1" applyBorder="1" applyAlignment="1" applyProtection="1">
      <alignment horizontal="left"/>
      <protection locked="0"/>
    </xf>
    <xf numFmtId="0" fontId="9" fillId="2" borderId="2" xfId="1" applyFill="1" applyBorder="1" applyAlignment="1" applyProtection="1">
      <alignment horizontal="left" shrinkToFit="1"/>
      <protection locked="0"/>
    </xf>
    <xf numFmtId="0" fontId="4" fillId="2" borderId="2" xfId="0" applyFont="1" applyFill="1" applyBorder="1" applyAlignment="1" applyProtection="1">
      <alignment horizontal="left" shrinkToFit="1"/>
      <protection locked="0"/>
    </xf>
    <xf numFmtId="0" fontId="3" fillId="2" borderId="3" xfId="0" applyFont="1" applyFill="1" applyBorder="1" applyAlignment="1" applyProtection="1">
      <alignment horizontal="left" vertical="top"/>
      <protection locked="0"/>
    </xf>
    <xf numFmtId="0" fontId="3" fillId="2" borderId="4" xfId="0" applyFont="1" applyFill="1" applyBorder="1" applyAlignment="1" applyProtection="1">
      <alignment horizontal="left" vertical="top"/>
      <protection locked="0"/>
    </xf>
    <xf numFmtId="0" fontId="3" fillId="2" borderId="5" xfId="0" applyFont="1" applyFill="1" applyBorder="1" applyAlignment="1" applyProtection="1">
      <alignment horizontal="left" vertical="top"/>
      <protection locked="0"/>
    </xf>
    <xf numFmtId="0" fontId="7" fillId="3" borderId="3" xfId="0" applyFont="1" applyFill="1" applyBorder="1" applyAlignment="1" applyProtection="1">
      <alignment horizontal="right" vertical="center"/>
      <protection hidden="1"/>
    </xf>
    <xf numFmtId="0" fontId="7" fillId="3" borderId="4" xfId="0" applyFont="1" applyFill="1" applyBorder="1" applyAlignment="1" applyProtection="1">
      <alignment horizontal="right" vertical="center"/>
      <protection hidden="1"/>
    </xf>
    <xf numFmtId="0" fontId="3" fillId="3" borderId="4" xfId="0" applyFont="1" applyFill="1" applyBorder="1" applyAlignment="1" applyProtection="1">
      <alignment horizontal="left" vertical="center"/>
    </xf>
    <xf numFmtId="0" fontId="3" fillId="3" borderId="5" xfId="0" applyFont="1" applyFill="1" applyBorder="1" applyAlignment="1" applyProtection="1">
      <alignment horizontal="left" vertical="center"/>
    </xf>
    <xf numFmtId="0" fontId="14" fillId="3" borderId="1" xfId="0" applyFont="1" applyFill="1" applyBorder="1" applyAlignment="1" applyProtection="1">
      <alignment horizontal="left" shrinkToFit="1"/>
    </xf>
    <xf numFmtId="0" fontId="0" fillId="0" borderId="1" xfId="0" applyBorder="1" applyAlignment="1">
      <alignment shrinkToFit="1"/>
    </xf>
    <xf numFmtId="0" fontId="3" fillId="3" borderId="8" xfId="0" applyFont="1" applyFill="1" applyBorder="1" applyAlignment="1" applyProtection="1">
      <alignment horizontal="center" vertical="center" textRotation="255"/>
    </xf>
    <xf numFmtId="0" fontId="3" fillId="3" borderId="0" xfId="0" applyFont="1" applyFill="1" applyAlignment="1" applyProtection="1">
      <alignment horizontal="left" vertical="center" wrapText="1"/>
    </xf>
    <xf numFmtId="0" fontId="3" fillId="3" borderId="0" xfId="0" applyFont="1" applyFill="1" applyAlignment="1" applyProtection="1">
      <alignment horizontal="left" vertical="center"/>
    </xf>
    <xf numFmtId="0" fontId="3" fillId="3" borderId="8" xfId="0" applyFont="1" applyFill="1" applyBorder="1" applyAlignment="1" applyProtection="1">
      <alignment horizontal="center" vertical="center"/>
    </xf>
    <xf numFmtId="0" fontId="3" fillId="3" borderId="18" xfId="0" applyFont="1" applyFill="1" applyBorder="1" applyAlignment="1" applyProtection="1">
      <alignment horizontal="center" vertical="center"/>
    </xf>
    <xf numFmtId="0" fontId="3" fillId="3" borderId="19" xfId="0" applyFont="1" applyFill="1" applyBorder="1" applyAlignment="1" applyProtection="1">
      <alignment horizontal="center" vertical="center"/>
    </xf>
    <xf numFmtId="0" fontId="3" fillId="3" borderId="20" xfId="0" applyFont="1" applyFill="1" applyBorder="1" applyAlignment="1" applyProtection="1">
      <alignment horizontal="center" vertical="center"/>
    </xf>
    <xf numFmtId="0" fontId="3" fillId="3" borderId="12" xfId="0" applyFont="1" applyFill="1" applyBorder="1" applyAlignment="1" applyProtection="1">
      <alignment horizontal="center" vertical="center"/>
    </xf>
    <xf numFmtId="0" fontId="3" fillId="3" borderId="11" xfId="0" applyFont="1" applyFill="1" applyBorder="1" applyAlignment="1" applyProtection="1">
      <alignment horizontal="center" vertical="center"/>
    </xf>
    <xf numFmtId="0" fontId="3" fillId="3" borderId="13" xfId="0" applyFont="1" applyFill="1" applyBorder="1" applyAlignment="1" applyProtection="1">
      <alignment horizontal="center" vertical="center"/>
    </xf>
    <xf numFmtId="0" fontId="3" fillId="3" borderId="14" xfId="0" applyFont="1" applyFill="1" applyBorder="1" applyAlignment="1" applyProtection="1">
      <alignment horizontal="center" vertical="center"/>
    </xf>
    <xf numFmtId="0" fontId="3" fillId="3" borderId="0" xfId="0" applyFont="1" applyFill="1" applyBorder="1" applyAlignment="1" applyProtection="1">
      <alignment horizontal="center" vertical="center"/>
    </xf>
    <xf numFmtId="0" fontId="3" fillId="3" borderId="15" xfId="0" applyFont="1" applyFill="1" applyBorder="1" applyAlignment="1" applyProtection="1">
      <alignment horizontal="center" vertical="center"/>
    </xf>
    <xf numFmtId="0" fontId="3" fillId="3" borderId="16" xfId="0" applyFont="1" applyFill="1" applyBorder="1" applyAlignment="1" applyProtection="1">
      <alignment horizontal="center" vertical="center"/>
    </xf>
    <xf numFmtId="0" fontId="3" fillId="3" borderId="1" xfId="0" applyFont="1" applyFill="1" applyBorder="1" applyAlignment="1" applyProtection="1">
      <alignment horizontal="center" vertical="center"/>
    </xf>
    <xf numFmtId="0" fontId="3" fillId="3" borderId="17" xfId="0" applyFont="1" applyFill="1" applyBorder="1" applyAlignment="1" applyProtection="1">
      <alignment horizontal="center" vertical="center"/>
    </xf>
    <xf numFmtId="0" fontId="6" fillId="0" borderId="1" xfId="0" applyFont="1" applyBorder="1" applyAlignment="1" applyProtection="1">
      <alignment horizontal="center" vertical="center"/>
    </xf>
    <xf numFmtId="0" fontId="6" fillId="3" borderId="0" xfId="0" applyFont="1" applyFill="1" applyAlignment="1" applyProtection="1">
      <alignment horizontal="center" vertical="center"/>
      <protection hidden="1"/>
    </xf>
    <xf numFmtId="0" fontId="14" fillId="3" borderId="1" xfId="0" applyFont="1" applyFill="1" applyBorder="1" applyAlignment="1" applyProtection="1">
      <alignment horizontal="left" shrinkToFit="1"/>
      <protection hidden="1"/>
    </xf>
    <xf numFmtId="0" fontId="0" fillId="0" borderId="1" xfId="0" applyBorder="1" applyAlignment="1" applyProtection="1">
      <alignment shrinkToFit="1"/>
      <protection hidden="1"/>
    </xf>
    <xf numFmtId="0" fontId="3" fillId="3" borderId="2" xfId="0" applyFont="1" applyFill="1" applyBorder="1" applyAlignment="1" applyProtection="1">
      <alignment horizontal="left"/>
      <protection hidden="1"/>
    </xf>
    <xf numFmtId="0" fontId="3" fillId="3" borderId="2" xfId="0" applyFont="1" applyFill="1" applyBorder="1" applyAlignment="1" applyProtection="1">
      <alignment horizontal="center"/>
      <protection hidden="1"/>
    </xf>
    <xf numFmtId="0" fontId="15" fillId="3" borderId="0" xfId="0" applyFont="1" applyFill="1" applyAlignment="1" applyProtection="1">
      <alignment horizontal="left" vertical="center" wrapText="1"/>
      <protection hidden="1"/>
    </xf>
    <xf numFmtId="0" fontId="3" fillId="3" borderId="8" xfId="0" applyFont="1" applyFill="1" applyBorder="1" applyAlignment="1" applyProtection="1">
      <alignment horizontal="center" vertical="center" textRotation="255"/>
      <protection hidden="1"/>
    </xf>
    <xf numFmtId="0" fontId="3" fillId="3" borderId="0" xfId="0" applyFont="1" applyFill="1" applyAlignment="1" applyProtection="1">
      <alignment horizontal="left" vertical="center" wrapText="1"/>
      <protection hidden="1"/>
    </xf>
    <xf numFmtId="0" fontId="3" fillId="3" borderId="0" xfId="0" applyFont="1" applyFill="1" applyAlignment="1" applyProtection="1">
      <alignment horizontal="left" vertical="center"/>
      <protection hidden="1"/>
    </xf>
    <xf numFmtId="0" fontId="3" fillId="3" borderId="8" xfId="0" applyFont="1" applyFill="1" applyBorder="1" applyAlignment="1" applyProtection="1">
      <alignment horizontal="center" vertical="center"/>
      <protection hidden="1"/>
    </xf>
    <xf numFmtId="0" fontId="3" fillId="3" borderId="18" xfId="0" applyFont="1" applyFill="1" applyBorder="1" applyAlignment="1" applyProtection="1">
      <alignment horizontal="center" vertical="center"/>
      <protection hidden="1"/>
    </xf>
    <xf numFmtId="0" fontId="3" fillId="3" borderId="19" xfId="0" applyFont="1" applyFill="1" applyBorder="1" applyAlignment="1" applyProtection="1">
      <alignment horizontal="center" vertical="center"/>
      <protection hidden="1"/>
    </xf>
    <xf numFmtId="0" fontId="3" fillId="3" borderId="20" xfId="0" applyFont="1" applyFill="1" applyBorder="1" applyAlignment="1" applyProtection="1">
      <alignment horizontal="center" vertical="center"/>
      <protection hidden="1"/>
    </xf>
    <xf numFmtId="0" fontId="3" fillId="3" borderId="12" xfId="0" applyFont="1" applyFill="1" applyBorder="1" applyAlignment="1" applyProtection="1">
      <alignment horizontal="center" vertical="center"/>
      <protection hidden="1"/>
    </xf>
    <xf numFmtId="0" fontId="3" fillId="3" borderId="11" xfId="0" applyFont="1" applyFill="1" applyBorder="1" applyAlignment="1" applyProtection="1">
      <alignment horizontal="center" vertical="center"/>
      <protection hidden="1"/>
    </xf>
    <xf numFmtId="0" fontId="3" fillId="3" borderId="13" xfId="0" applyFont="1" applyFill="1" applyBorder="1" applyAlignment="1" applyProtection="1">
      <alignment horizontal="center" vertical="center"/>
      <protection hidden="1"/>
    </xf>
    <xf numFmtId="0" fontId="3" fillId="3" borderId="14" xfId="0" applyFont="1" applyFill="1" applyBorder="1" applyAlignment="1" applyProtection="1">
      <alignment horizontal="center" vertical="center"/>
      <protection hidden="1"/>
    </xf>
    <xf numFmtId="0" fontId="3" fillId="3" borderId="0" xfId="0" applyFont="1" applyFill="1" applyBorder="1" applyAlignment="1" applyProtection="1">
      <alignment horizontal="center" vertical="center"/>
      <protection hidden="1"/>
    </xf>
    <xf numFmtId="0" fontId="3" fillId="3" borderId="15" xfId="0" applyFont="1" applyFill="1" applyBorder="1" applyAlignment="1" applyProtection="1">
      <alignment horizontal="center" vertical="center"/>
      <protection hidden="1"/>
    </xf>
    <xf numFmtId="0" fontId="3" fillId="3" borderId="16" xfId="0" applyFont="1" applyFill="1" applyBorder="1" applyAlignment="1" applyProtection="1">
      <alignment horizontal="center" vertical="center"/>
      <protection hidden="1"/>
    </xf>
    <xf numFmtId="0" fontId="3" fillId="3" borderId="1" xfId="0" applyFont="1" applyFill="1" applyBorder="1" applyAlignment="1" applyProtection="1">
      <alignment horizontal="center" vertical="center"/>
      <protection hidden="1"/>
    </xf>
    <xf numFmtId="0" fontId="3" fillId="3" borderId="17" xfId="0" applyFont="1" applyFill="1" applyBorder="1" applyAlignment="1" applyProtection="1">
      <alignment horizontal="center" vertical="center"/>
      <protection hidden="1"/>
    </xf>
    <xf numFmtId="0" fontId="12" fillId="2" borderId="2" xfId="0" applyFont="1" applyFill="1" applyBorder="1" applyAlignment="1" applyProtection="1">
      <alignment horizontal="left"/>
      <protection hidden="1"/>
    </xf>
    <xf numFmtId="0" fontId="13" fillId="2" borderId="2" xfId="1" applyFont="1" applyFill="1" applyBorder="1" applyAlignment="1" applyProtection="1">
      <alignment horizontal="left" shrinkToFit="1"/>
      <protection hidden="1"/>
    </xf>
    <xf numFmtId="0" fontId="11" fillId="2" borderId="2" xfId="0" applyFont="1" applyFill="1" applyBorder="1" applyAlignment="1" applyProtection="1">
      <alignment horizontal="left" shrinkToFit="1"/>
      <protection hidden="1"/>
    </xf>
    <xf numFmtId="0" fontId="11" fillId="2" borderId="1" xfId="0" applyFont="1" applyFill="1" applyBorder="1" applyAlignment="1" applyProtection="1">
      <alignment horizontal="left"/>
      <protection hidden="1"/>
    </xf>
    <xf numFmtId="0" fontId="20" fillId="2" borderId="3" xfId="0" applyFont="1" applyFill="1" applyBorder="1" applyAlignment="1" applyProtection="1">
      <alignment horizontal="left" vertical="top"/>
      <protection hidden="1"/>
    </xf>
    <xf numFmtId="0" fontId="20" fillId="2" borderId="4" xfId="0" applyFont="1" applyFill="1" applyBorder="1" applyAlignment="1" applyProtection="1">
      <alignment horizontal="left" vertical="top"/>
      <protection hidden="1"/>
    </xf>
    <xf numFmtId="0" fontId="20" fillId="2" borderId="5" xfId="0" applyFont="1" applyFill="1" applyBorder="1" applyAlignment="1" applyProtection="1">
      <alignment horizontal="left" vertical="top"/>
      <protection hidden="1"/>
    </xf>
    <xf numFmtId="0" fontId="3" fillId="3" borderId="4" xfId="0" applyFont="1" applyFill="1" applyBorder="1" applyAlignment="1" applyProtection="1">
      <alignment horizontal="left" vertical="center"/>
      <protection hidden="1"/>
    </xf>
    <xf numFmtId="0" fontId="3" fillId="3" borderId="5" xfId="0" applyFont="1" applyFill="1" applyBorder="1" applyAlignment="1" applyProtection="1">
      <alignment horizontal="left" vertical="center"/>
      <protection hidden="1"/>
    </xf>
    <xf numFmtId="0" fontId="12" fillId="2" borderId="1" xfId="0" applyFont="1" applyFill="1" applyBorder="1" applyAlignment="1" applyProtection="1">
      <alignment horizontal="left" shrinkToFit="1"/>
      <protection hidden="1"/>
    </xf>
    <xf numFmtId="0" fontId="12" fillId="2" borderId="2" xfId="0" applyFont="1" applyFill="1" applyBorder="1" applyAlignment="1" applyProtection="1">
      <alignment horizontal="left" shrinkToFit="1"/>
      <protection hidden="1"/>
    </xf>
    <xf numFmtId="0" fontId="6" fillId="0" borderId="1" xfId="0" applyFont="1" applyBorder="1" applyAlignment="1" applyProtection="1">
      <alignment horizontal="center" vertical="center"/>
      <protection hidden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38"/>
  <sheetViews>
    <sheetView tabSelected="1" view="pageBreakPreview" zoomScaleNormal="100" zoomScaleSheetLayoutView="100" workbookViewId="0">
      <selection activeCell="L4" sqref="L4"/>
    </sheetView>
  </sheetViews>
  <sheetFormatPr defaultColWidth="10.77734375" defaultRowHeight="13.2" x14ac:dyDescent="0.2"/>
  <cols>
    <col min="1" max="3" width="4.77734375" style="3" customWidth="1"/>
    <col min="4" max="4" width="10.77734375" style="3" customWidth="1"/>
    <col min="5" max="6" width="10.77734375" style="3"/>
    <col min="7" max="7" width="6.77734375" style="3" customWidth="1"/>
    <col min="8" max="15" width="4.77734375" style="3" customWidth="1"/>
    <col min="16" max="16" width="10.77734375" style="5"/>
    <col min="17" max="16384" width="10.77734375" style="3"/>
  </cols>
  <sheetData>
    <row r="1" spans="1:25" ht="19.95" customHeight="1" x14ac:dyDescent="0.2">
      <c r="N1" s="4" t="s">
        <v>10</v>
      </c>
    </row>
    <row r="2" spans="1:25" ht="19.95" customHeight="1" x14ac:dyDescent="0.2">
      <c r="A2" s="72" t="s">
        <v>0</v>
      </c>
      <c r="B2" s="72"/>
      <c r="C2" s="72"/>
      <c r="D2" s="72"/>
      <c r="E2" s="72"/>
      <c r="F2" s="72"/>
      <c r="G2" s="72"/>
      <c r="H2" s="72"/>
      <c r="I2" s="72"/>
      <c r="J2" s="72"/>
      <c r="K2" s="72"/>
      <c r="L2" s="72"/>
      <c r="M2" s="72"/>
      <c r="N2" s="72"/>
    </row>
    <row r="4" spans="1:25" ht="19.95" customHeight="1" x14ac:dyDescent="0.2">
      <c r="G4" s="6" t="s">
        <v>14</v>
      </c>
      <c r="H4" s="1"/>
      <c r="I4" s="6" t="s">
        <v>13</v>
      </c>
      <c r="J4" s="1"/>
      <c r="K4" s="6" t="s">
        <v>12</v>
      </c>
      <c r="L4" s="1"/>
      <c r="M4" s="6" t="s">
        <v>11</v>
      </c>
      <c r="P4" s="7" t="s">
        <v>31</v>
      </c>
    </row>
    <row r="6" spans="1:25" ht="19.95" customHeight="1" x14ac:dyDescent="0.2">
      <c r="A6" s="3" t="s">
        <v>17</v>
      </c>
    </row>
    <row r="8" spans="1:25" ht="19.95" customHeight="1" x14ac:dyDescent="0.2">
      <c r="F8" s="8" t="s">
        <v>1</v>
      </c>
      <c r="G8" s="73"/>
      <c r="H8" s="73"/>
      <c r="I8" s="73"/>
      <c r="J8" s="73"/>
      <c r="K8" s="73"/>
      <c r="L8" s="73"/>
      <c r="M8" s="73"/>
      <c r="N8" s="73"/>
    </row>
    <row r="9" spans="1:25" ht="19.95" customHeight="1" x14ac:dyDescent="0.2">
      <c r="F9" s="8" t="s">
        <v>2</v>
      </c>
      <c r="G9" s="74"/>
      <c r="H9" s="74"/>
      <c r="I9" s="74"/>
      <c r="J9" s="74"/>
      <c r="K9" s="74"/>
      <c r="L9" s="74"/>
      <c r="M9" s="74"/>
      <c r="N9" s="74"/>
    </row>
    <row r="10" spans="1:25" ht="19.95" customHeight="1" x14ac:dyDescent="0.2">
      <c r="F10" s="8" t="s">
        <v>23</v>
      </c>
      <c r="G10" s="74"/>
      <c r="H10" s="74"/>
      <c r="I10" s="74"/>
      <c r="J10" s="74"/>
      <c r="K10" s="74"/>
      <c r="L10" s="74"/>
      <c r="M10" s="74"/>
      <c r="N10" s="74"/>
    </row>
    <row r="11" spans="1:25" ht="19.95" customHeight="1" x14ac:dyDescent="0.2">
      <c r="F11" s="8" t="s">
        <v>38</v>
      </c>
      <c r="G11" s="75"/>
      <c r="H11" s="75"/>
      <c r="I11" s="75"/>
      <c r="J11" s="75"/>
      <c r="K11" s="75"/>
      <c r="L11" s="75"/>
      <c r="M11" s="76" t="s">
        <v>15</v>
      </c>
      <c r="N11" s="76"/>
      <c r="P11" s="9" t="s">
        <v>40</v>
      </c>
      <c r="Q11" s="10"/>
      <c r="R11" s="10"/>
      <c r="S11" s="10"/>
      <c r="T11" s="10"/>
      <c r="U11" s="11"/>
      <c r="V11" s="11"/>
      <c r="W11" s="11"/>
      <c r="X11" s="11"/>
      <c r="Y11" s="11"/>
    </row>
    <row r="12" spans="1:25" x14ac:dyDescent="0.2">
      <c r="P12" s="10"/>
      <c r="Q12" s="10"/>
      <c r="R12" s="10"/>
      <c r="S12" s="10"/>
      <c r="T12" s="10"/>
      <c r="U12" s="11"/>
      <c r="V12" s="11"/>
      <c r="W12" s="11"/>
      <c r="X12" s="11"/>
      <c r="Y12" s="11"/>
    </row>
    <row r="13" spans="1:25" ht="19.95" customHeight="1" x14ac:dyDescent="0.2">
      <c r="F13" s="8" t="s">
        <v>4</v>
      </c>
      <c r="G13" s="78"/>
      <c r="H13" s="78"/>
      <c r="I13" s="78"/>
      <c r="J13" s="78"/>
      <c r="K13" s="78"/>
      <c r="L13" s="78"/>
      <c r="M13" s="78"/>
      <c r="N13" s="78"/>
      <c r="P13" s="9" t="s">
        <v>45</v>
      </c>
      <c r="Q13" s="10"/>
      <c r="R13" s="10"/>
      <c r="S13" s="10"/>
      <c r="T13" s="10"/>
      <c r="U13" s="11"/>
      <c r="V13" s="11"/>
      <c r="W13" s="11"/>
      <c r="X13" s="11"/>
      <c r="Y13" s="11"/>
    </row>
    <row r="14" spans="1:25" ht="19.95" customHeight="1" x14ac:dyDescent="0.2">
      <c r="F14" s="12" t="s">
        <v>5</v>
      </c>
      <c r="G14" s="79"/>
      <c r="H14" s="80"/>
      <c r="I14" s="80"/>
      <c r="J14" s="80"/>
      <c r="K14" s="80"/>
      <c r="L14" s="80"/>
      <c r="M14" s="80"/>
      <c r="N14" s="80"/>
      <c r="P14" s="9" t="s">
        <v>51</v>
      </c>
    </row>
    <row r="15" spans="1:25" ht="19.95" customHeight="1" x14ac:dyDescent="0.2">
      <c r="F15" s="8" t="s">
        <v>3</v>
      </c>
      <c r="G15" s="73"/>
      <c r="H15" s="73"/>
      <c r="I15" s="73"/>
      <c r="J15" s="73"/>
      <c r="K15" s="73"/>
      <c r="L15" s="73"/>
      <c r="M15" s="73"/>
      <c r="N15" s="73"/>
    </row>
    <row r="17" spans="1:25" ht="19.95" customHeight="1" x14ac:dyDescent="0.2">
      <c r="A17" s="3" t="s">
        <v>16</v>
      </c>
    </row>
    <row r="19" spans="1:25" ht="19.95" customHeight="1" thickBot="1" x14ac:dyDescent="0.25">
      <c r="A19" s="5" t="s">
        <v>6</v>
      </c>
      <c r="P19" s="9" t="s">
        <v>46</v>
      </c>
    </row>
    <row r="20" spans="1:25" ht="60" customHeight="1" thickBot="1" x14ac:dyDescent="0.25">
      <c r="B20" s="81"/>
      <c r="C20" s="82"/>
      <c r="D20" s="82"/>
      <c r="E20" s="82"/>
      <c r="F20" s="82"/>
      <c r="G20" s="82"/>
      <c r="H20" s="82"/>
      <c r="I20" s="82"/>
      <c r="J20" s="82"/>
      <c r="K20" s="82"/>
      <c r="L20" s="82"/>
      <c r="M20" s="82"/>
      <c r="N20" s="83"/>
      <c r="P20" s="13" t="s">
        <v>41</v>
      </c>
    </row>
    <row r="22" spans="1:25" ht="19.95" customHeight="1" thickBot="1" x14ac:dyDescent="0.25">
      <c r="A22" s="5" t="s">
        <v>26</v>
      </c>
      <c r="P22" s="7" t="s">
        <v>32</v>
      </c>
      <c r="Q22" s="14"/>
      <c r="R22" s="14"/>
      <c r="S22" s="14"/>
      <c r="T22" s="14"/>
      <c r="U22" s="14"/>
      <c r="V22" s="14"/>
      <c r="W22" s="14"/>
      <c r="X22" s="14"/>
      <c r="Y22" s="14"/>
    </row>
    <row r="23" spans="1:25" ht="60" customHeight="1" thickBot="1" x14ac:dyDescent="0.25">
      <c r="B23" s="84">
        <f>COUNTA(利用者氏名リスト!C3:C101)</f>
        <v>0</v>
      </c>
      <c r="C23" s="85"/>
      <c r="D23" s="85"/>
      <c r="E23" s="15" t="s">
        <v>18</v>
      </c>
      <c r="F23" s="86"/>
      <c r="G23" s="86"/>
      <c r="H23" s="86"/>
      <c r="I23" s="86"/>
      <c r="J23" s="86"/>
      <c r="K23" s="86"/>
      <c r="L23" s="86"/>
      <c r="M23" s="86"/>
      <c r="N23" s="87"/>
      <c r="P23" s="71" t="s">
        <v>47</v>
      </c>
      <c r="Q23" s="71"/>
      <c r="R23" s="71"/>
      <c r="S23" s="71"/>
      <c r="T23" s="71"/>
      <c r="U23" s="71"/>
      <c r="V23" s="71"/>
      <c r="W23" s="71"/>
      <c r="X23" s="71"/>
      <c r="Y23" s="71"/>
    </row>
    <row r="24" spans="1:25" ht="10.050000000000001" customHeight="1" x14ac:dyDescent="0.2">
      <c r="A24" s="16"/>
      <c r="B24" s="16"/>
      <c r="C24" s="16"/>
      <c r="D24" s="16"/>
      <c r="E24" s="16"/>
      <c r="F24" s="16"/>
      <c r="G24" s="16"/>
      <c r="H24" s="16"/>
      <c r="I24" s="16"/>
      <c r="J24" s="16"/>
      <c r="K24" s="16"/>
      <c r="L24" s="16"/>
      <c r="M24" s="16"/>
      <c r="N24" s="16"/>
      <c r="P24" s="17"/>
      <c r="Q24" s="14"/>
      <c r="R24" s="14"/>
      <c r="S24" s="14"/>
      <c r="T24" s="14"/>
      <c r="U24" s="14"/>
      <c r="V24" s="14"/>
      <c r="W24" s="14"/>
      <c r="X24" s="14"/>
      <c r="Y24" s="14"/>
    </row>
    <row r="25" spans="1:25" ht="10.050000000000001" customHeight="1" x14ac:dyDescent="0.2">
      <c r="A25" s="18"/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P25" s="17"/>
      <c r="Q25" s="14"/>
      <c r="R25" s="14"/>
      <c r="S25" s="14"/>
      <c r="T25" s="14"/>
      <c r="U25" s="14"/>
      <c r="V25" s="14"/>
      <c r="W25" s="14"/>
      <c r="X25" s="14"/>
      <c r="Y25" s="14"/>
    </row>
    <row r="26" spans="1:25" ht="19.95" customHeight="1" x14ac:dyDescent="0.2">
      <c r="C26" s="90" t="s">
        <v>19</v>
      </c>
      <c r="D26" s="19" t="s">
        <v>7</v>
      </c>
      <c r="E26" s="19" t="s">
        <v>8</v>
      </c>
      <c r="F26" s="20" t="s">
        <v>9</v>
      </c>
      <c r="G26" s="21"/>
      <c r="H26" s="21"/>
      <c r="I26" s="22"/>
      <c r="K26" s="91" t="s">
        <v>20</v>
      </c>
      <c r="L26" s="92"/>
      <c r="M26" s="92"/>
      <c r="N26" s="92"/>
      <c r="P26" s="7" t="s">
        <v>42</v>
      </c>
      <c r="Q26" s="14"/>
      <c r="R26" s="14"/>
      <c r="S26" s="14"/>
      <c r="T26" s="14"/>
      <c r="U26" s="14"/>
      <c r="V26" s="14"/>
      <c r="W26" s="14"/>
      <c r="X26" s="14"/>
      <c r="Y26" s="14"/>
    </row>
    <row r="27" spans="1:25" ht="19.95" customHeight="1" x14ac:dyDescent="0.2">
      <c r="C27" s="90"/>
      <c r="D27" s="93"/>
      <c r="E27" s="94"/>
      <c r="F27" s="97"/>
      <c r="G27" s="98"/>
      <c r="H27" s="98"/>
      <c r="I27" s="99"/>
      <c r="K27" s="92"/>
      <c r="L27" s="92"/>
      <c r="M27" s="92"/>
      <c r="N27" s="92"/>
    </row>
    <row r="28" spans="1:25" ht="19.95" customHeight="1" x14ac:dyDescent="0.2">
      <c r="C28" s="90"/>
      <c r="D28" s="93"/>
      <c r="E28" s="95"/>
      <c r="F28" s="100"/>
      <c r="G28" s="101"/>
      <c r="H28" s="101"/>
      <c r="I28" s="102"/>
      <c r="K28" s="92"/>
      <c r="L28" s="92"/>
      <c r="M28" s="92"/>
      <c r="N28" s="92"/>
    </row>
    <row r="29" spans="1:25" ht="19.95" customHeight="1" x14ac:dyDescent="0.2">
      <c r="C29" s="90"/>
      <c r="D29" s="93"/>
      <c r="E29" s="96"/>
      <c r="F29" s="103"/>
      <c r="G29" s="104"/>
      <c r="H29" s="104"/>
      <c r="I29" s="105"/>
      <c r="K29" s="92"/>
      <c r="L29" s="92"/>
      <c r="M29" s="92"/>
      <c r="N29" s="92"/>
    </row>
    <row r="30" spans="1:25" ht="10.050000000000001" customHeight="1" x14ac:dyDescent="0.2">
      <c r="A30" s="16"/>
      <c r="B30" s="16"/>
      <c r="C30" s="16"/>
      <c r="D30" s="16"/>
      <c r="E30" s="16"/>
      <c r="F30" s="16"/>
      <c r="G30" s="16"/>
      <c r="H30" s="16"/>
      <c r="I30" s="16"/>
      <c r="J30" s="16"/>
      <c r="K30" s="16"/>
      <c r="L30" s="16"/>
      <c r="M30" s="16"/>
      <c r="N30" s="16"/>
    </row>
    <row r="31" spans="1:25" ht="10.050000000000001" customHeight="1" x14ac:dyDescent="0.2">
      <c r="A31" s="18"/>
      <c r="B31" s="18"/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</row>
    <row r="32" spans="1:25" ht="19.95" customHeight="1" x14ac:dyDescent="0.2">
      <c r="A32" s="72" t="s">
        <v>43</v>
      </c>
      <c r="B32" s="72"/>
      <c r="C32" s="72"/>
      <c r="D32" s="72"/>
      <c r="E32" s="72"/>
      <c r="F32" s="72"/>
      <c r="G32" s="72"/>
      <c r="H32" s="72"/>
      <c r="I32" s="72"/>
      <c r="J32" s="72"/>
      <c r="K32" s="72"/>
      <c r="L32" s="72"/>
      <c r="M32" s="72"/>
      <c r="N32" s="72"/>
    </row>
    <row r="33" spans="1:14" ht="19.95" customHeight="1" x14ac:dyDescent="0.2">
      <c r="G33" s="6" t="s">
        <v>14</v>
      </c>
      <c r="H33" s="23"/>
      <c r="I33" s="6" t="s">
        <v>13</v>
      </c>
      <c r="J33" s="23"/>
      <c r="K33" s="6" t="s">
        <v>12</v>
      </c>
      <c r="L33" s="23"/>
      <c r="M33" s="6" t="s">
        <v>11</v>
      </c>
    </row>
    <row r="35" spans="1:14" ht="19.95" customHeight="1" x14ac:dyDescent="0.2">
      <c r="A35" s="3" t="s">
        <v>21</v>
      </c>
    </row>
    <row r="36" spans="1:14" ht="19.95" customHeight="1" x14ac:dyDescent="0.2">
      <c r="G36" s="24"/>
      <c r="H36" s="24"/>
      <c r="I36" s="24"/>
      <c r="J36" s="24"/>
      <c r="K36" s="24"/>
      <c r="L36" s="24"/>
      <c r="M36" s="24"/>
      <c r="N36" s="24"/>
    </row>
    <row r="37" spans="1:14" ht="19.95" customHeight="1" x14ac:dyDescent="0.25">
      <c r="F37" s="8" t="s">
        <v>22</v>
      </c>
      <c r="G37" s="88" t="str">
        <f>IF(G10=0,"",G10)</f>
        <v/>
      </c>
      <c r="H37" s="88"/>
      <c r="I37" s="88"/>
      <c r="J37" s="88"/>
      <c r="K37" s="88"/>
      <c r="L37" s="88"/>
      <c r="M37" s="89"/>
      <c r="N37" s="89"/>
    </row>
    <row r="38" spans="1:14" ht="19.95" customHeight="1" x14ac:dyDescent="0.2">
      <c r="F38" s="8" t="s">
        <v>39</v>
      </c>
      <c r="G38" s="77"/>
      <c r="H38" s="77"/>
      <c r="I38" s="77"/>
      <c r="J38" s="77"/>
      <c r="K38" s="77"/>
      <c r="L38" s="77"/>
      <c r="M38" s="76" t="s">
        <v>15</v>
      </c>
      <c r="N38" s="76"/>
    </row>
  </sheetData>
  <sheetProtection algorithmName="SHA-512" hashValue="z3w0qqHj3mubvKdIDwnbrz57qeaM6LG2yaFifKl7Us6UmETSDBiXqmz1m6TuN8TjzgKs6c4uaKLLvk0XC1ISVA==" saltValue="/EEKwqdfFHi5Mc9GLhWvzw==" spinCount="100000" sheet="1" objects="1" scenarios="1" selectLockedCells="1"/>
  <mergeCells count="22">
    <mergeCell ref="G38:L38"/>
    <mergeCell ref="M38:N38"/>
    <mergeCell ref="G10:N10"/>
    <mergeCell ref="A32:N32"/>
    <mergeCell ref="G13:N13"/>
    <mergeCell ref="G14:N14"/>
    <mergeCell ref="B20:N20"/>
    <mergeCell ref="B23:D23"/>
    <mergeCell ref="F23:N23"/>
    <mergeCell ref="G37:N37"/>
    <mergeCell ref="C26:C29"/>
    <mergeCell ref="K26:N29"/>
    <mergeCell ref="D27:D29"/>
    <mergeCell ref="E27:E29"/>
    <mergeCell ref="F27:I29"/>
    <mergeCell ref="P23:Y23"/>
    <mergeCell ref="A2:N2"/>
    <mergeCell ref="G8:N8"/>
    <mergeCell ref="G9:N9"/>
    <mergeCell ref="G15:N15"/>
    <mergeCell ref="G11:L11"/>
    <mergeCell ref="M11:N11"/>
  </mergeCells>
  <phoneticPr fontId="1"/>
  <dataValidations count="7">
    <dataValidation imeMode="disabled" allowBlank="1" showInputMessage="1" showErrorMessage="1" sqref="G15:N15"/>
    <dataValidation type="whole" imeMode="halfAlpha" operator="greaterThanOrEqual" allowBlank="1" showInputMessage="1" showErrorMessage="1" errorTitle="半角数字" error="半角の数字を入力してください" sqref="H4">
      <formula1>5</formula1>
    </dataValidation>
    <dataValidation type="textLength" imeMode="disabled" operator="equal" allowBlank="1" showInputMessage="1" showErrorMessage="1" errorTitle="郵便番号" error="730-0004の様に_x000a_3桁-（ハイフン）4桁で入力してください" sqref="G8:N8">
      <formula1>8</formula1>
    </dataValidation>
    <dataValidation imeMode="hiragana" allowBlank="1" showInputMessage="1" showErrorMessage="1" sqref="B20:N20"/>
    <dataValidation imeMode="off" allowBlank="1" showInputMessage="1" showErrorMessage="1" sqref="G14:N14"/>
    <dataValidation imeMode="hiragana" allowBlank="1" showInputMessage="1" showErrorMessage="1" sqref="G9:N9 G10:N10 G11:L11 G13:N13"/>
    <dataValidation type="whole" imeMode="halfAlpha" operator="greaterThanOrEqual" allowBlank="1" showInputMessage="1" showErrorMessage="1" errorTitle="半角数字" error="半角の数字を入力してください" sqref="L4 J4">
      <formula1>1</formula1>
    </dataValidation>
  </dataValidations>
  <pageMargins left="0.78740157480314965" right="0.78740157480314965" top="0.59055118110236227" bottom="0.59055118110236227" header="0.31496062992125984" footer="0.31496062992125984"/>
  <pageSetup paperSize="9" orientation="portrait" r:id="rId1"/>
  <headerFooter>
    <oddFooter>&amp;RR05版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01"/>
  <sheetViews>
    <sheetView view="pageBreakPreview" zoomScale="102" zoomScaleNormal="100" zoomScaleSheetLayoutView="102" workbookViewId="0">
      <selection activeCell="C3" sqref="C3"/>
    </sheetView>
  </sheetViews>
  <sheetFormatPr defaultRowHeight="13.2" x14ac:dyDescent="0.2"/>
  <cols>
    <col min="1" max="1" width="4.77734375" style="27" customWidth="1"/>
    <col min="2" max="2" width="24.77734375" style="27" customWidth="1"/>
    <col min="3" max="5" width="18.77734375" style="27" customWidth="1"/>
    <col min="6" max="6" width="89.77734375" style="27" customWidth="1"/>
    <col min="7" max="7" width="10.77734375" style="27" customWidth="1"/>
    <col min="8" max="8" width="58" style="27" customWidth="1"/>
    <col min="9" max="9" width="19.88671875" style="27" customWidth="1"/>
    <col min="10" max="10" width="30.44140625" style="27" customWidth="1"/>
    <col min="11" max="11" width="20.77734375" style="27" customWidth="1"/>
    <col min="12" max="16384" width="8.88671875" style="27"/>
  </cols>
  <sheetData>
    <row r="1" spans="1:11" ht="19.95" customHeight="1" x14ac:dyDescent="0.2">
      <c r="A1" s="106" t="s">
        <v>27</v>
      </c>
      <c r="B1" s="106"/>
      <c r="C1" s="106"/>
      <c r="D1" s="106"/>
      <c r="E1" s="25"/>
      <c r="F1" s="26"/>
      <c r="G1" s="26"/>
    </row>
    <row r="2" spans="1:11" ht="19.95" customHeight="1" x14ac:dyDescent="0.2">
      <c r="A2" s="28" t="s">
        <v>28</v>
      </c>
      <c r="B2" s="29" t="s">
        <v>23</v>
      </c>
      <c r="C2" s="29" t="s">
        <v>24</v>
      </c>
      <c r="D2" s="29" t="s">
        <v>25</v>
      </c>
      <c r="E2" s="29" t="s">
        <v>35</v>
      </c>
      <c r="F2" s="33" t="s">
        <v>34</v>
      </c>
      <c r="G2" s="29" t="s">
        <v>30</v>
      </c>
      <c r="H2" s="29" t="s">
        <v>29</v>
      </c>
      <c r="I2" s="29" t="s">
        <v>4</v>
      </c>
      <c r="J2" s="29" t="s">
        <v>5</v>
      </c>
      <c r="K2" s="29" t="s">
        <v>3</v>
      </c>
    </row>
    <row r="3" spans="1:11" ht="19.95" customHeight="1" x14ac:dyDescent="0.2">
      <c r="A3" s="30">
        <v>1</v>
      </c>
      <c r="B3" s="34" t="str">
        <f>IF(C3=0,"",IF(申請書!$G$10=0,"",申請書!$G$10))</f>
        <v/>
      </c>
      <c r="C3" s="70"/>
      <c r="D3" s="70"/>
      <c r="E3" s="70"/>
      <c r="F3" s="32" t="s">
        <v>44</v>
      </c>
      <c r="G3" s="35" t="str">
        <f>IF(C3=0,"",IF(申請書!$G$8=0,"",申請書!$G$8))</f>
        <v/>
      </c>
      <c r="H3" s="36" t="str">
        <f>IF(C3=0,"",IF(申請書!$G$9=0,"",申請書!$G$9))</f>
        <v/>
      </c>
      <c r="I3" s="36" t="str">
        <f>IF(C3=0,"",IF(申請書!$G$13=0,"",申請書!$G$13))</f>
        <v/>
      </c>
      <c r="J3" s="37" t="str">
        <f>IF(C3=0,"",IF(申請書!$G$14=0,"",申請書!$G$14))</f>
        <v/>
      </c>
      <c r="K3" s="37" t="str">
        <f>IF(C3=0,"",IF(申請書!$G$15=0,"",申請書!$G$15))</f>
        <v/>
      </c>
    </row>
    <row r="4" spans="1:11" ht="19.95" customHeight="1" x14ac:dyDescent="0.2">
      <c r="A4" s="30">
        <v>2</v>
      </c>
      <c r="B4" s="34" t="str">
        <f>IF(C4=0,"",IF(申請書!$G$10=0,"",申請書!$G$10))</f>
        <v/>
      </c>
      <c r="C4" s="70"/>
      <c r="D4" s="70"/>
      <c r="E4" s="70"/>
      <c r="F4" s="32" t="s">
        <v>48</v>
      </c>
      <c r="G4" s="35" t="str">
        <f>IF(C4=0,"",IF(申請書!$G$8=0,"",申請書!$G$8))</f>
        <v/>
      </c>
      <c r="H4" s="36" t="str">
        <f>IF(C4=0,"",IF(申請書!$G$9=0,"",申請書!$G$9))</f>
        <v/>
      </c>
      <c r="I4" s="36" t="str">
        <f>IF(C4=0,"",IF(申請書!$G$13=0,"",申請書!$G$13))</f>
        <v/>
      </c>
      <c r="J4" s="37" t="str">
        <f>IF(C4=0,"",IF(申請書!$G$14=0,"",申請書!$G$14))</f>
        <v/>
      </c>
      <c r="K4" s="37" t="str">
        <f>IF(C4=0,"",IF(申請書!$G$15=0,"",申請書!$G$15))</f>
        <v/>
      </c>
    </row>
    <row r="5" spans="1:11" ht="19.95" customHeight="1" x14ac:dyDescent="0.2">
      <c r="A5" s="30">
        <v>3</v>
      </c>
      <c r="B5" s="34" t="str">
        <f>IF(C5=0,"",IF(申請書!$G$10=0,"",申請書!$G$10))</f>
        <v/>
      </c>
      <c r="C5" s="70"/>
      <c r="D5" s="70"/>
      <c r="E5" s="70"/>
      <c r="F5" s="32" t="s">
        <v>49</v>
      </c>
      <c r="G5" s="35" t="str">
        <f>IF(C5=0,"",IF(申請書!$G$8=0,"",申請書!$G$8))</f>
        <v/>
      </c>
      <c r="H5" s="36" t="str">
        <f>IF(C5=0,"",IF(申請書!$G$9=0,"",申請書!$G$9))</f>
        <v/>
      </c>
      <c r="I5" s="36" t="str">
        <f>IF(C5=0,"",IF(申請書!$G$13=0,"",申請書!$G$13))</f>
        <v/>
      </c>
      <c r="J5" s="37" t="str">
        <f>IF(C5=0,"",IF(申請書!$G$14=0,"",申請書!$G$14))</f>
        <v/>
      </c>
      <c r="K5" s="37" t="str">
        <f>IF(C5=0,"",IF(申請書!$G$15=0,"",申請書!$G$15))</f>
        <v/>
      </c>
    </row>
    <row r="6" spans="1:11" ht="19.95" customHeight="1" x14ac:dyDescent="0.2">
      <c r="A6" s="30">
        <v>4</v>
      </c>
      <c r="B6" s="34" t="str">
        <f>IF(C6=0,"",IF(申請書!$G$10=0,"",申請書!$G$10))</f>
        <v/>
      </c>
      <c r="C6" s="2"/>
      <c r="D6" s="2"/>
      <c r="E6" s="2"/>
      <c r="F6" s="32" t="s">
        <v>50</v>
      </c>
      <c r="G6" s="35" t="str">
        <f>IF(C6=0,"",IF(申請書!$G$8=0,"",申請書!$G$8))</f>
        <v/>
      </c>
      <c r="H6" s="36" t="str">
        <f>IF(C6=0,"",IF(申請書!$G$9=0,"",申請書!$G$9))</f>
        <v/>
      </c>
      <c r="I6" s="36" t="str">
        <f>IF(C6=0,"",IF(申請書!$G$13=0,"",申請書!$G$13))</f>
        <v/>
      </c>
      <c r="J6" s="37" t="str">
        <f>IF(C6=0,"",IF(申請書!$G$14=0,"",申請書!$G$14))</f>
        <v/>
      </c>
      <c r="K6" s="37" t="str">
        <f>IF(C6=0,"",IF(申請書!$G$15=0,"",申請書!$G$15))</f>
        <v/>
      </c>
    </row>
    <row r="7" spans="1:11" ht="19.95" customHeight="1" x14ac:dyDescent="0.2">
      <c r="A7" s="30">
        <v>5</v>
      </c>
      <c r="B7" s="34" t="str">
        <f>IF(C7=0,"",IF(申請書!$G$10=0,"",申請書!$G$10))</f>
        <v/>
      </c>
      <c r="C7" s="2"/>
      <c r="D7" s="2"/>
      <c r="E7" s="2"/>
      <c r="F7" s="31"/>
      <c r="G7" s="35" t="str">
        <f>IF(C7=0,"",IF(申請書!$G$8=0,"",申請書!$G$8))</f>
        <v/>
      </c>
      <c r="H7" s="36" t="str">
        <f>IF(C7=0,"",IF(申請書!$G$9=0,"",申請書!$G$9))</f>
        <v/>
      </c>
      <c r="I7" s="36" t="str">
        <f>IF(C7=0,"",IF(申請書!$G$13=0,"",申請書!$G$13))</f>
        <v/>
      </c>
      <c r="J7" s="37" t="str">
        <f>IF(C7=0,"",IF(申請書!$G$14=0,"",申請書!$G$14))</f>
        <v/>
      </c>
      <c r="K7" s="37" t="str">
        <f>IF(C7=0,"",IF(申請書!$G$15=0,"",申請書!$G$15))</f>
        <v/>
      </c>
    </row>
    <row r="8" spans="1:11" ht="19.95" customHeight="1" x14ac:dyDescent="0.2">
      <c r="A8" s="30">
        <v>6</v>
      </c>
      <c r="B8" s="34" t="str">
        <f>IF(C8=0,"",IF(申請書!$G$10=0,"",申請書!$G$10))</f>
        <v/>
      </c>
      <c r="C8" s="2"/>
      <c r="D8" s="2"/>
      <c r="E8" s="2"/>
      <c r="F8" s="31"/>
      <c r="G8" s="35" t="str">
        <f>IF(C8=0,"",IF(申請書!$G$8=0,"",申請書!$G$8))</f>
        <v/>
      </c>
      <c r="H8" s="36" t="str">
        <f>IF(C8=0,"",IF(申請書!$G$9=0,"",申請書!$G$9))</f>
        <v/>
      </c>
      <c r="I8" s="36" t="str">
        <f>IF(C8=0,"",IF(申請書!$G$13=0,"",申請書!$G$13))</f>
        <v/>
      </c>
      <c r="J8" s="37" t="str">
        <f>IF(C8=0,"",IF(申請書!$G$14=0,"",申請書!$G$14))</f>
        <v/>
      </c>
      <c r="K8" s="37" t="str">
        <f>IF(C8=0,"",IF(申請書!$G$15=0,"",申請書!$G$15))</f>
        <v/>
      </c>
    </row>
    <row r="9" spans="1:11" ht="19.95" customHeight="1" x14ac:dyDescent="0.2">
      <c r="A9" s="30">
        <v>7</v>
      </c>
      <c r="B9" s="34" t="str">
        <f>IF(C9=0,"",IF(申請書!$G$10=0,"",申請書!$G$10))</f>
        <v/>
      </c>
      <c r="C9" s="2"/>
      <c r="D9" s="2"/>
      <c r="E9" s="2"/>
      <c r="F9" s="31"/>
      <c r="G9" s="35" t="str">
        <f>IF(C9=0,"",IF(申請書!$G$8=0,"",申請書!$G$8))</f>
        <v/>
      </c>
      <c r="H9" s="36" t="str">
        <f>IF(C9=0,"",IF(申請書!$G$9=0,"",申請書!$G$9))</f>
        <v/>
      </c>
      <c r="I9" s="36" t="str">
        <f>IF(C9=0,"",IF(申請書!$G$13=0,"",申請書!$G$13))</f>
        <v/>
      </c>
      <c r="J9" s="37" t="str">
        <f>IF(C9=0,"",IF(申請書!$G$14=0,"",申請書!$G$14))</f>
        <v/>
      </c>
      <c r="K9" s="37" t="str">
        <f>IF(C9=0,"",IF(申請書!$G$15=0,"",申請書!$G$15))</f>
        <v/>
      </c>
    </row>
    <row r="10" spans="1:11" ht="19.95" customHeight="1" x14ac:dyDescent="0.2">
      <c r="A10" s="30">
        <v>8</v>
      </c>
      <c r="B10" s="34" t="str">
        <f>IF(C10=0,"",IF(申請書!$G$10=0,"",申請書!$G$10))</f>
        <v/>
      </c>
      <c r="C10" s="2"/>
      <c r="D10" s="2"/>
      <c r="E10" s="2"/>
      <c r="F10" s="31"/>
      <c r="G10" s="35" t="str">
        <f>IF(C10=0,"",IF(申請書!$G$8=0,"",申請書!$G$8))</f>
        <v/>
      </c>
      <c r="H10" s="36" t="str">
        <f>IF(C10=0,"",IF(申請書!$G$9=0,"",申請書!$G$9))</f>
        <v/>
      </c>
      <c r="I10" s="36" t="str">
        <f>IF(C10=0,"",IF(申請書!$G$13=0,"",申請書!$G$13))</f>
        <v/>
      </c>
      <c r="J10" s="37" t="str">
        <f>IF(C10=0,"",IF(申請書!$G$14=0,"",申請書!$G$14))</f>
        <v/>
      </c>
      <c r="K10" s="37" t="str">
        <f>IF(C10=0,"",IF(申請書!$G$15=0,"",申請書!$G$15))</f>
        <v/>
      </c>
    </row>
    <row r="11" spans="1:11" ht="19.95" customHeight="1" x14ac:dyDescent="0.2">
      <c r="A11" s="30">
        <v>9</v>
      </c>
      <c r="B11" s="34" t="str">
        <f>IF(C11=0,"",IF(申請書!$G$10=0,"",申請書!$G$10))</f>
        <v/>
      </c>
      <c r="C11" s="2"/>
      <c r="D11" s="2"/>
      <c r="E11" s="2"/>
      <c r="F11" s="31"/>
      <c r="G11" s="35" t="str">
        <f>IF(C11=0,"",IF(申請書!$G$8=0,"",申請書!$G$8))</f>
        <v/>
      </c>
      <c r="H11" s="36" t="str">
        <f>IF(C11=0,"",IF(申請書!$G$9=0,"",申請書!$G$9))</f>
        <v/>
      </c>
      <c r="I11" s="36" t="str">
        <f>IF(C11=0,"",IF(申請書!$G$13=0,"",申請書!$G$13))</f>
        <v/>
      </c>
      <c r="J11" s="37" t="str">
        <f>IF(C11=0,"",IF(申請書!$G$14=0,"",申請書!$G$14))</f>
        <v/>
      </c>
      <c r="K11" s="37" t="str">
        <f>IF(C11=0,"",IF(申請書!$G$15=0,"",申請書!$G$15))</f>
        <v/>
      </c>
    </row>
    <row r="12" spans="1:11" ht="19.95" customHeight="1" x14ac:dyDescent="0.2">
      <c r="A12" s="30">
        <v>10</v>
      </c>
      <c r="B12" s="34" t="str">
        <f>IF(C12=0,"",IF(申請書!$G$10=0,"",申請書!$G$10))</f>
        <v/>
      </c>
      <c r="C12" s="2"/>
      <c r="D12" s="2"/>
      <c r="E12" s="2"/>
      <c r="F12" s="31"/>
      <c r="G12" s="35" t="str">
        <f>IF(C12=0,"",IF(申請書!$G$8=0,"",申請書!$G$8))</f>
        <v/>
      </c>
      <c r="H12" s="36" t="str">
        <f>IF(C12=0,"",IF(申請書!$G$9=0,"",申請書!$G$9))</f>
        <v/>
      </c>
      <c r="I12" s="36" t="str">
        <f>IF(C12=0,"",IF(申請書!$G$13=0,"",申請書!$G$13))</f>
        <v/>
      </c>
      <c r="J12" s="37" t="str">
        <f>IF(C12=0,"",IF(申請書!$G$14=0,"",申請書!$G$14))</f>
        <v/>
      </c>
      <c r="K12" s="37" t="str">
        <f>IF(C12=0,"",IF(申請書!$G$15=0,"",申請書!$G$15))</f>
        <v/>
      </c>
    </row>
    <row r="13" spans="1:11" ht="19.95" customHeight="1" x14ac:dyDescent="0.2">
      <c r="A13" s="30">
        <v>11</v>
      </c>
      <c r="B13" s="34" t="str">
        <f>IF(C13=0,"",IF(申請書!$G$10=0,"",申請書!$G$10))</f>
        <v/>
      </c>
      <c r="C13" s="2"/>
      <c r="D13" s="2"/>
      <c r="E13" s="2"/>
      <c r="F13" s="31"/>
      <c r="G13" s="35" t="str">
        <f>IF(C13=0,"",IF(申請書!$G$8=0,"",申請書!$G$8))</f>
        <v/>
      </c>
      <c r="H13" s="36" t="str">
        <f>IF(C13=0,"",IF(申請書!$G$9=0,"",申請書!$G$9))</f>
        <v/>
      </c>
      <c r="I13" s="36" t="str">
        <f>IF(C13=0,"",IF(申請書!$G$13=0,"",申請書!$G$13))</f>
        <v/>
      </c>
      <c r="J13" s="37" t="str">
        <f>IF(C13=0,"",IF(申請書!$G$14=0,"",申請書!$G$14))</f>
        <v/>
      </c>
      <c r="K13" s="37" t="str">
        <f>IF(C13=0,"",IF(申請書!$G$15=0,"",申請書!$G$15))</f>
        <v/>
      </c>
    </row>
    <row r="14" spans="1:11" ht="19.95" customHeight="1" x14ac:dyDescent="0.2">
      <c r="A14" s="30">
        <v>12</v>
      </c>
      <c r="B14" s="34" t="str">
        <f>IF(C14=0,"",IF(申請書!$G$10=0,"",申請書!$G$10))</f>
        <v/>
      </c>
      <c r="C14" s="2"/>
      <c r="D14" s="2"/>
      <c r="E14" s="2"/>
      <c r="F14" s="31"/>
      <c r="G14" s="35" t="str">
        <f>IF(C14=0,"",IF(申請書!$G$8=0,"",申請書!$G$8))</f>
        <v/>
      </c>
      <c r="H14" s="36" t="str">
        <f>IF(C14=0,"",IF(申請書!$G$9=0,"",申請書!$G$9))</f>
        <v/>
      </c>
      <c r="I14" s="36" t="str">
        <f>IF(C14=0,"",IF(申請書!$G$13=0,"",申請書!$G$13))</f>
        <v/>
      </c>
      <c r="J14" s="37" t="str">
        <f>IF(C14=0,"",IF(申請書!$G$14=0,"",申請書!$G$14))</f>
        <v/>
      </c>
      <c r="K14" s="37" t="str">
        <f>IF(C14=0,"",IF(申請書!$G$15=0,"",申請書!$G$15))</f>
        <v/>
      </c>
    </row>
    <row r="15" spans="1:11" ht="19.95" customHeight="1" x14ac:dyDescent="0.2">
      <c r="A15" s="30">
        <v>13</v>
      </c>
      <c r="B15" s="34" t="str">
        <f>IF(C15=0,"",IF(申請書!$G$10=0,"",申請書!$G$10))</f>
        <v/>
      </c>
      <c r="C15" s="2"/>
      <c r="D15" s="2"/>
      <c r="E15" s="2"/>
      <c r="F15" s="31"/>
      <c r="G15" s="35" t="str">
        <f>IF(C15=0,"",IF(申請書!$G$8=0,"",申請書!$G$8))</f>
        <v/>
      </c>
      <c r="H15" s="36" t="str">
        <f>IF(C15=0,"",IF(申請書!$G$9=0,"",申請書!$G$9))</f>
        <v/>
      </c>
      <c r="I15" s="36" t="str">
        <f>IF(C15=0,"",IF(申請書!$G$13=0,"",申請書!$G$13))</f>
        <v/>
      </c>
      <c r="J15" s="37" t="str">
        <f>IF(C15=0,"",IF(申請書!$G$14=0,"",申請書!$G$14))</f>
        <v/>
      </c>
      <c r="K15" s="37" t="str">
        <f>IF(C15=0,"",IF(申請書!$G$15=0,"",申請書!$G$15))</f>
        <v/>
      </c>
    </row>
    <row r="16" spans="1:11" ht="19.95" customHeight="1" x14ac:dyDescent="0.2">
      <c r="A16" s="30">
        <v>14</v>
      </c>
      <c r="B16" s="34" t="str">
        <f>IF(C16=0,"",IF(申請書!$G$10=0,"",申請書!$G$10))</f>
        <v/>
      </c>
      <c r="C16" s="2"/>
      <c r="D16" s="2"/>
      <c r="E16" s="2"/>
      <c r="F16" s="31"/>
      <c r="G16" s="35" t="str">
        <f>IF(C16=0,"",IF(申請書!$G$8=0,"",申請書!$G$8))</f>
        <v/>
      </c>
      <c r="H16" s="36" t="str">
        <f>IF(C16=0,"",IF(申請書!$G$9=0,"",申請書!$G$9))</f>
        <v/>
      </c>
      <c r="I16" s="36" t="str">
        <f>IF(C16=0,"",IF(申請書!$G$13=0,"",申請書!$G$13))</f>
        <v/>
      </c>
      <c r="J16" s="37" t="str">
        <f>IF(C16=0,"",IF(申請書!$G$14=0,"",申請書!$G$14))</f>
        <v/>
      </c>
      <c r="K16" s="37" t="str">
        <f>IF(C16=0,"",IF(申請書!$G$15=0,"",申請書!$G$15))</f>
        <v/>
      </c>
    </row>
    <row r="17" spans="1:11" ht="19.95" customHeight="1" x14ac:dyDescent="0.2">
      <c r="A17" s="30">
        <v>15</v>
      </c>
      <c r="B17" s="34" t="str">
        <f>IF(C17=0,"",IF(申請書!$G$10=0,"",申請書!$G$10))</f>
        <v/>
      </c>
      <c r="C17" s="2"/>
      <c r="D17" s="2"/>
      <c r="E17" s="2"/>
      <c r="F17" s="31"/>
      <c r="G17" s="35" t="str">
        <f>IF(C17=0,"",IF(申請書!$G$8=0,"",申請書!$G$8))</f>
        <v/>
      </c>
      <c r="H17" s="36" t="str">
        <f>IF(C17=0,"",IF(申請書!$G$9=0,"",申請書!$G$9))</f>
        <v/>
      </c>
      <c r="I17" s="36" t="str">
        <f>IF(C17=0,"",IF(申請書!$G$13=0,"",申請書!$G$13))</f>
        <v/>
      </c>
      <c r="J17" s="37" t="str">
        <f>IF(C17=0,"",IF(申請書!$G$14=0,"",申請書!$G$14))</f>
        <v/>
      </c>
      <c r="K17" s="37" t="str">
        <f>IF(C17=0,"",IF(申請書!$G$15=0,"",申請書!$G$15))</f>
        <v/>
      </c>
    </row>
    <row r="18" spans="1:11" ht="19.95" customHeight="1" x14ac:dyDescent="0.2">
      <c r="A18" s="30">
        <v>16</v>
      </c>
      <c r="B18" s="34" t="str">
        <f>IF(C18=0,"",IF(申請書!$G$10=0,"",申請書!$G$10))</f>
        <v/>
      </c>
      <c r="C18" s="2"/>
      <c r="D18" s="2"/>
      <c r="E18" s="2"/>
      <c r="F18" s="31"/>
      <c r="G18" s="35" t="str">
        <f>IF(C18=0,"",IF(申請書!$G$8=0,"",申請書!$G$8))</f>
        <v/>
      </c>
      <c r="H18" s="36" t="str">
        <f>IF(C18=0,"",IF(申請書!$G$9=0,"",申請書!$G$9))</f>
        <v/>
      </c>
      <c r="I18" s="36" t="str">
        <f>IF(C18=0,"",IF(申請書!$G$13=0,"",申請書!$G$13))</f>
        <v/>
      </c>
      <c r="J18" s="37" t="str">
        <f>IF(C18=0,"",IF(申請書!$G$14=0,"",申請書!$G$14))</f>
        <v/>
      </c>
      <c r="K18" s="37" t="str">
        <f>IF(C18=0,"",IF(申請書!$G$15=0,"",申請書!$G$15))</f>
        <v/>
      </c>
    </row>
    <row r="19" spans="1:11" ht="19.95" customHeight="1" x14ac:dyDescent="0.2">
      <c r="A19" s="30">
        <v>17</v>
      </c>
      <c r="B19" s="34" t="str">
        <f>IF(C19=0,"",IF(申請書!$G$10=0,"",申請書!$G$10))</f>
        <v/>
      </c>
      <c r="C19" s="2"/>
      <c r="D19" s="2"/>
      <c r="E19" s="2"/>
      <c r="F19" s="31"/>
      <c r="G19" s="35" t="str">
        <f>IF(C19=0,"",IF(申請書!$G$8=0,"",申請書!$G$8))</f>
        <v/>
      </c>
      <c r="H19" s="36" t="str">
        <f>IF(C19=0,"",IF(申請書!$G$9=0,"",申請書!$G$9))</f>
        <v/>
      </c>
      <c r="I19" s="36" t="str">
        <f>IF(C19=0,"",IF(申請書!$G$13=0,"",申請書!$G$13))</f>
        <v/>
      </c>
      <c r="J19" s="37" t="str">
        <f>IF(C19=0,"",IF(申請書!$G$14=0,"",申請書!$G$14))</f>
        <v/>
      </c>
      <c r="K19" s="37" t="str">
        <f>IF(C19=0,"",IF(申請書!$G$15=0,"",申請書!$G$15))</f>
        <v/>
      </c>
    </row>
    <row r="20" spans="1:11" ht="19.95" customHeight="1" x14ac:dyDescent="0.2">
      <c r="A20" s="30">
        <v>18</v>
      </c>
      <c r="B20" s="34" t="str">
        <f>IF(C20=0,"",IF(申請書!$G$10=0,"",申請書!$G$10))</f>
        <v/>
      </c>
      <c r="C20" s="2"/>
      <c r="D20" s="2"/>
      <c r="E20" s="2"/>
      <c r="F20" s="31"/>
      <c r="G20" s="35" t="str">
        <f>IF(C20=0,"",IF(申請書!$G$8=0,"",申請書!$G$8))</f>
        <v/>
      </c>
      <c r="H20" s="36" t="str">
        <f>IF(C20=0,"",IF(申請書!$G$9=0,"",申請書!$G$9))</f>
        <v/>
      </c>
      <c r="I20" s="36" t="str">
        <f>IF(C20=0,"",IF(申請書!$G$13=0,"",申請書!$G$13))</f>
        <v/>
      </c>
      <c r="J20" s="37" t="str">
        <f>IF(C20=0,"",IF(申請書!$G$14=0,"",申請書!$G$14))</f>
        <v/>
      </c>
      <c r="K20" s="37" t="str">
        <f>IF(C20=0,"",IF(申請書!$G$15=0,"",申請書!$G$15))</f>
        <v/>
      </c>
    </row>
    <row r="21" spans="1:11" ht="19.95" customHeight="1" x14ac:dyDescent="0.2">
      <c r="A21" s="30">
        <v>19</v>
      </c>
      <c r="B21" s="34" t="str">
        <f>IF(C21=0,"",IF(申請書!$G$10=0,"",申請書!$G$10))</f>
        <v/>
      </c>
      <c r="C21" s="2"/>
      <c r="D21" s="2"/>
      <c r="E21" s="2"/>
      <c r="F21" s="31"/>
      <c r="G21" s="35" t="str">
        <f>IF(C21=0,"",IF(申請書!$G$8=0,"",申請書!$G$8))</f>
        <v/>
      </c>
      <c r="H21" s="36" t="str">
        <f>IF(C21=0,"",IF(申請書!$G$9=0,"",申請書!$G$9))</f>
        <v/>
      </c>
      <c r="I21" s="36" t="str">
        <f>IF(C21=0,"",IF(申請書!$G$13=0,"",申請書!$G$13))</f>
        <v/>
      </c>
      <c r="J21" s="37" t="str">
        <f>IF(C21=0,"",IF(申請書!$G$14=0,"",申請書!$G$14))</f>
        <v/>
      </c>
      <c r="K21" s="37" t="str">
        <f>IF(C21=0,"",IF(申請書!$G$15=0,"",申請書!$G$15))</f>
        <v/>
      </c>
    </row>
    <row r="22" spans="1:11" ht="19.95" customHeight="1" x14ac:dyDescent="0.2">
      <c r="A22" s="30">
        <v>20</v>
      </c>
      <c r="B22" s="34" t="str">
        <f>IF(C22=0,"",IF(申請書!$G$10=0,"",申請書!$G$10))</f>
        <v/>
      </c>
      <c r="C22" s="2"/>
      <c r="D22" s="2"/>
      <c r="E22" s="2"/>
      <c r="F22" s="31"/>
      <c r="G22" s="35" t="str">
        <f>IF(C22=0,"",IF(申請書!$G$8=0,"",申請書!$G$8))</f>
        <v/>
      </c>
      <c r="H22" s="36" t="str">
        <f>IF(C22=0,"",IF(申請書!$G$9=0,"",申請書!$G$9))</f>
        <v/>
      </c>
      <c r="I22" s="36" t="str">
        <f>IF(C22=0,"",IF(申請書!$G$13=0,"",申請書!$G$13))</f>
        <v/>
      </c>
      <c r="J22" s="37" t="str">
        <f>IF(C22=0,"",IF(申請書!$G$14=0,"",申請書!$G$14))</f>
        <v/>
      </c>
      <c r="K22" s="37" t="str">
        <f>IF(C22=0,"",IF(申請書!$G$15=0,"",申請書!$G$15))</f>
        <v/>
      </c>
    </row>
    <row r="23" spans="1:11" ht="19.95" customHeight="1" x14ac:dyDescent="0.2">
      <c r="A23" s="30">
        <v>21</v>
      </c>
      <c r="B23" s="34" t="str">
        <f>IF(C23=0,"",IF(申請書!$G$10=0,"",申請書!$G$10))</f>
        <v/>
      </c>
      <c r="C23" s="2"/>
      <c r="D23" s="2"/>
      <c r="E23" s="2"/>
      <c r="F23" s="31"/>
      <c r="G23" s="35" t="str">
        <f>IF(C23=0,"",IF(申請書!$G$8=0,"",申請書!$G$8))</f>
        <v/>
      </c>
      <c r="H23" s="36" t="str">
        <f>IF(C23=0,"",IF(申請書!$G$9=0,"",申請書!$G$9))</f>
        <v/>
      </c>
      <c r="I23" s="36" t="str">
        <f>IF(C23=0,"",IF(申請書!$G$13=0,"",申請書!$G$13))</f>
        <v/>
      </c>
      <c r="J23" s="37" t="str">
        <f>IF(C23=0,"",IF(申請書!$G$14=0,"",申請書!$G$14))</f>
        <v/>
      </c>
      <c r="K23" s="37" t="str">
        <f>IF(C23=0,"",IF(申請書!$G$15=0,"",申請書!$G$15))</f>
        <v/>
      </c>
    </row>
    <row r="24" spans="1:11" ht="19.95" customHeight="1" x14ac:dyDescent="0.2">
      <c r="A24" s="30">
        <v>22</v>
      </c>
      <c r="B24" s="34" t="str">
        <f>IF(C24=0,"",IF(申請書!$G$10=0,"",申請書!$G$10))</f>
        <v/>
      </c>
      <c r="C24" s="2"/>
      <c r="D24" s="2"/>
      <c r="E24" s="2"/>
      <c r="F24" s="31"/>
      <c r="G24" s="35" t="str">
        <f>IF(C24=0,"",IF(申請書!$G$8=0,"",申請書!$G$8))</f>
        <v/>
      </c>
      <c r="H24" s="36" t="str">
        <f>IF(C24=0,"",IF(申請書!$G$9=0,"",申請書!$G$9))</f>
        <v/>
      </c>
      <c r="I24" s="36" t="str">
        <f>IF(C24=0,"",IF(申請書!$G$13=0,"",申請書!$G$13))</f>
        <v/>
      </c>
      <c r="J24" s="37" t="str">
        <f>IF(C24=0,"",IF(申請書!$G$14=0,"",申請書!$G$14))</f>
        <v/>
      </c>
      <c r="K24" s="37" t="str">
        <f>IF(C24=0,"",IF(申請書!$G$15=0,"",申請書!$G$15))</f>
        <v/>
      </c>
    </row>
    <row r="25" spans="1:11" ht="19.95" customHeight="1" x14ac:dyDescent="0.2">
      <c r="A25" s="30">
        <v>23</v>
      </c>
      <c r="B25" s="34" t="str">
        <f>IF(C25=0,"",IF(申請書!$G$10=0,"",申請書!$G$10))</f>
        <v/>
      </c>
      <c r="C25" s="2"/>
      <c r="D25" s="2"/>
      <c r="E25" s="2"/>
      <c r="F25" s="31"/>
      <c r="G25" s="35" t="str">
        <f>IF(C25=0,"",IF(申請書!$G$8=0,"",申請書!$G$8))</f>
        <v/>
      </c>
      <c r="H25" s="36" t="str">
        <f>IF(C25=0,"",IF(申請書!$G$9=0,"",申請書!$G$9))</f>
        <v/>
      </c>
      <c r="I25" s="36" t="str">
        <f>IF(C25=0,"",IF(申請書!$G$13=0,"",申請書!$G$13))</f>
        <v/>
      </c>
      <c r="J25" s="37" t="str">
        <f>IF(C25=0,"",IF(申請書!$G$14=0,"",申請書!$G$14))</f>
        <v/>
      </c>
      <c r="K25" s="37" t="str">
        <f>IF(C25=0,"",IF(申請書!$G$15=0,"",申請書!$G$15))</f>
        <v/>
      </c>
    </row>
    <row r="26" spans="1:11" ht="19.95" customHeight="1" x14ac:dyDescent="0.2">
      <c r="A26" s="30">
        <v>24</v>
      </c>
      <c r="B26" s="34" t="str">
        <f>IF(C26=0,"",IF(申請書!$G$10=0,"",申請書!$G$10))</f>
        <v/>
      </c>
      <c r="C26" s="2"/>
      <c r="D26" s="2"/>
      <c r="E26" s="2"/>
      <c r="F26" s="31"/>
      <c r="G26" s="35" t="str">
        <f>IF(C26=0,"",IF(申請書!$G$8=0,"",申請書!$G$8))</f>
        <v/>
      </c>
      <c r="H26" s="36" t="str">
        <f>IF(C26=0,"",IF(申請書!$G$9=0,"",申請書!$G$9))</f>
        <v/>
      </c>
      <c r="I26" s="36" t="str">
        <f>IF(C26=0,"",IF(申請書!$G$13=0,"",申請書!$G$13))</f>
        <v/>
      </c>
      <c r="J26" s="37" t="str">
        <f>IF(C26=0,"",IF(申請書!$G$14=0,"",申請書!$G$14))</f>
        <v/>
      </c>
      <c r="K26" s="37" t="str">
        <f>IF(C26=0,"",IF(申請書!$G$15=0,"",申請書!$G$15))</f>
        <v/>
      </c>
    </row>
    <row r="27" spans="1:11" ht="19.95" customHeight="1" x14ac:dyDescent="0.2">
      <c r="A27" s="30">
        <v>25</v>
      </c>
      <c r="B27" s="34" t="str">
        <f>IF(C27=0,"",IF(申請書!$G$10=0,"",申請書!$G$10))</f>
        <v/>
      </c>
      <c r="C27" s="2"/>
      <c r="D27" s="2"/>
      <c r="E27" s="2"/>
      <c r="F27" s="31"/>
      <c r="G27" s="35" t="str">
        <f>IF(C27=0,"",IF(申請書!$G$8=0,"",申請書!$G$8))</f>
        <v/>
      </c>
      <c r="H27" s="36" t="str">
        <f>IF(C27=0,"",IF(申請書!$G$9=0,"",申請書!$G$9))</f>
        <v/>
      </c>
      <c r="I27" s="36" t="str">
        <f>IF(C27=0,"",IF(申請書!$G$13=0,"",申請書!$G$13))</f>
        <v/>
      </c>
      <c r="J27" s="37" t="str">
        <f>IF(C27=0,"",IF(申請書!$G$14=0,"",申請書!$G$14))</f>
        <v/>
      </c>
      <c r="K27" s="37" t="str">
        <f>IF(C27=0,"",IF(申請書!$G$15=0,"",申請書!$G$15))</f>
        <v/>
      </c>
    </row>
    <row r="28" spans="1:11" ht="19.95" customHeight="1" x14ac:dyDescent="0.2">
      <c r="A28" s="30">
        <v>26</v>
      </c>
      <c r="B28" s="34" t="str">
        <f>IF(C28=0,"",IF(申請書!$G$10=0,"",申請書!$G$10))</f>
        <v/>
      </c>
      <c r="C28" s="2"/>
      <c r="D28" s="2"/>
      <c r="E28" s="2"/>
      <c r="F28" s="31"/>
      <c r="G28" s="35" t="str">
        <f>IF(C28=0,"",IF(申請書!$G$8=0,"",申請書!$G$8))</f>
        <v/>
      </c>
      <c r="H28" s="36" t="str">
        <f>IF(C28=0,"",IF(申請書!$G$9=0,"",申請書!$G$9))</f>
        <v/>
      </c>
      <c r="I28" s="36" t="str">
        <f>IF(C28=0,"",IF(申請書!$G$13=0,"",申請書!$G$13))</f>
        <v/>
      </c>
      <c r="J28" s="37" t="str">
        <f>IF(C28=0,"",IF(申請書!$G$14=0,"",申請書!$G$14))</f>
        <v/>
      </c>
      <c r="K28" s="37" t="str">
        <f>IF(C28=0,"",IF(申請書!$G$15=0,"",申請書!$G$15))</f>
        <v/>
      </c>
    </row>
    <row r="29" spans="1:11" ht="19.95" customHeight="1" x14ac:dyDescent="0.2">
      <c r="A29" s="30">
        <v>27</v>
      </c>
      <c r="B29" s="34" t="str">
        <f>IF(C29=0,"",IF(申請書!$G$10=0,"",申請書!$G$10))</f>
        <v/>
      </c>
      <c r="C29" s="2"/>
      <c r="D29" s="2"/>
      <c r="E29" s="2"/>
      <c r="F29" s="31"/>
      <c r="G29" s="35" t="str">
        <f>IF(C29=0,"",IF(申請書!$G$8=0,"",申請書!$G$8))</f>
        <v/>
      </c>
      <c r="H29" s="36" t="str">
        <f>IF(C29=0,"",IF(申請書!$G$9=0,"",申請書!$G$9))</f>
        <v/>
      </c>
      <c r="I29" s="36" t="str">
        <f>IF(C29=0,"",IF(申請書!$G$13=0,"",申請書!$G$13))</f>
        <v/>
      </c>
      <c r="J29" s="37" t="str">
        <f>IF(C29=0,"",IF(申請書!$G$14=0,"",申請書!$G$14))</f>
        <v/>
      </c>
      <c r="K29" s="37" t="str">
        <f>IF(C29=0,"",IF(申請書!$G$15=0,"",申請書!$G$15))</f>
        <v/>
      </c>
    </row>
    <row r="30" spans="1:11" ht="19.95" customHeight="1" x14ac:dyDescent="0.2">
      <c r="A30" s="30">
        <v>28</v>
      </c>
      <c r="B30" s="34" t="str">
        <f>IF(C30=0,"",IF(申請書!$G$10=0,"",申請書!$G$10))</f>
        <v/>
      </c>
      <c r="C30" s="2"/>
      <c r="D30" s="2"/>
      <c r="E30" s="2"/>
      <c r="F30" s="31"/>
      <c r="G30" s="35" t="str">
        <f>IF(C30=0,"",IF(申請書!$G$8=0,"",申請書!$G$8))</f>
        <v/>
      </c>
      <c r="H30" s="36" t="str">
        <f>IF(C30=0,"",IF(申請書!$G$9=0,"",申請書!$G$9))</f>
        <v/>
      </c>
      <c r="I30" s="36" t="str">
        <f>IF(C30=0,"",IF(申請書!$G$13=0,"",申請書!$G$13))</f>
        <v/>
      </c>
      <c r="J30" s="37" t="str">
        <f>IF(C30=0,"",IF(申請書!$G$14=0,"",申請書!$G$14))</f>
        <v/>
      </c>
      <c r="K30" s="37" t="str">
        <f>IF(C30=0,"",IF(申請書!$G$15=0,"",申請書!$G$15))</f>
        <v/>
      </c>
    </row>
    <row r="31" spans="1:11" ht="19.95" customHeight="1" x14ac:dyDescent="0.2">
      <c r="A31" s="30">
        <v>29</v>
      </c>
      <c r="B31" s="34" t="str">
        <f>IF(C31=0,"",IF(申請書!$G$10=0,"",申請書!$G$10))</f>
        <v/>
      </c>
      <c r="C31" s="2"/>
      <c r="D31" s="2"/>
      <c r="E31" s="2"/>
      <c r="F31" s="31"/>
      <c r="G31" s="35" t="str">
        <f>IF(C31=0,"",IF(申請書!$G$8=0,"",申請書!$G$8))</f>
        <v/>
      </c>
      <c r="H31" s="36" t="str">
        <f>IF(C31=0,"",IF(申請書!$G$9=0,"",申請書!$G$9))</f>
        <v/>
      </c>
      <c r="I31" s="36" t="str">
        <f>IF(C31=0,"",IF(申請書!$G$13=0,"",申請書!$G$13))</f>
        <v/>
      </c>
      <c r="J31" s="37" t="str">
        <f>IF(C31=0,"",IF(申請書!$G$14=0,"",申請書!$G$14))</f>
        <v/>
      </c>
      <c r="K31" s="37" t="str">
        <f>IF(C31=0,"",IF(申請書!$G$15=0,"",申請書!$G$15))</f>
        <v/>
      </c>
    </row>
    <row r="32" spans="1:11" ht="19.95" customHeight="1" x14ac:dyDescent="0.2">
      <c r="A32" s="30">
        <v>30</v>
      </c>
      <c r="B32" s="34" t="str">
        <f>IF(C32=0,"",IF(申請書!$G$10=0,"",申請書!$G$10))</f>
        <v/>
      </c>
      <c r="C32" s="2"/>
      <c r="D32" s="2"/>
      <c r="E32" s="2"/>
      <c r="F32" s="31"/>
      <c r="G32" s="35" t="str">
        <f>IF(C32=0,"",IF(申請書!$G$8=0,"",申請書!$G$8))</f>
        <v/>
      </c>
      <c r="H32" s="36" t="str">
        <f>IF(C32=0,"",IF(申請書!$G$9=0,"",申請書!$G$9))</f>
        <v/>
      </c>
      <c r="I32" s="36" t="str">
        <f>IF(C32=0,"",IF(申請書!$G$13=0,"",申請書!$G$13))</f>
        <v/>
      </c>
      <c r="J32" s="37" t="str">
        <f>IF(C32=0,"",IF(申請書!$G$14=0,"",申請書!$G$14))</f>
        <v/>
      </c>
      <c r="K32" s="37" t="str">
        <f>IF(C32=0,"",IF(申請書!$G$15=0,"",申請書!$G$15))</f>
        <v/>
      </c>
    </row>
    <row r="33" spans="1:11" ht="19.95" customHeight="1" x14ac:dyDescent="0.2">
      <c r="A33" s="30">
        <v>31</v>
      </c>
      <c r="B33" s="34" t="str">
        <f>IF(C33=0,"",IF(申請書!$G$10=0,"",申請書!$G$10))</f>
        <v/>
      </c>
      <c r="C33" s="2"/>
      <c r="D33" s="2"/>
      <c r="E33" s="2"/>
      <c r="F33" s="31"/>
      <c r="G33" s="35" t="str">
        <f>IF(C33=0,"",IF(申請書!$G$8=0,"",申請書!$G$8))</f>
        <v/>
      </c>
      <c r="H33" s="36" t="str">
        <f>IF(C33=0,"",IF(申請書!$G$9=0,"",申請書!$G$9))</f>
        <v/>
      </c>
      <c r="I33" s="36" t="str">
        <f>IF(C33=0,"",IF(申請書!$G$13=0,"",申請書!$G$13))</f>
        <v/>
      </c>
      <c r="J33" s="37" t="str">
        <f>IF(C33=0,"",IF(申請書!$G$14=0,"",申請書!$G$14))</f>
        <v/>
      </c>
      <c r="K33" s="37" t="str">
        <f>IF(C33=0,"",IF(申請書!$G$15=0,"",申請書!$G$15))</f>
        <v/>
      </c>
    </row>
    <row r="34" spans="1:11" ht="19.95" customHeight="1" x14ac:dyDescent="0.2">
      <c r="A34" s="30">
        <v>32</v>
      </c>
      <c r="B34" s="34" t="str">
        <f>IF(C34=0,"",IF(申請書!$G$10=0,"",申請書!$G$10))</f>
        <v/>
      </c>
      <c r="C34" s="2"/>
      <c r="D34" s="2"/>
      <c r="E34" s="2"/>
      <c r="F34" s="31"/>
      <c r="G34" s="35" t="str">
        <f>IF(C34=0,"",IF(申請書!$G$8=0,"",申請書!$G$8))</f>
        <v/>
      </c>
      <c r="H34" s="36" t="str">
        <f>IF(C34=0,"",IF(申請書!$G$9=0,"",申請書!$G$9))</f>
        <v/>
      </c>
      <c r="I34" s="36" t="str">
        <f>IF(C34=0,"",IF(申請書!$G$13=0,"",申請書!$G$13))</f>
        <v/>
      </c>
      <c r="J34" s="37" t="str">
        <f>IF(C34=0,"",IF(申請書!$G$14=0,"",申請書!$G$14))</f>
        <v/>
      </c>
      <c r="K34" s="37" t="str">
        <f>IF(C34=0,"",IF(申請書!$G$15=0,"",申請書!$G$15))</f>
        <v/>
      </c>
    </row>
    <row r="35" spans="1:11" ht="19.95" customHeight="1" x14ac:dyDescent="0.2">
      <c r="A35" s="30">
        <v>33</v>
      </c>
      <c r="B35" s="34" t="str">
        <f>IF(C35=0,"",IF(申請書!$G$10=0,"",申請書!$G$10))</f>
        <v/>
      </c>
      <c r="C35" s="2"/>
      <c r="D35" s="2"/>
      <c r="E35" s="2"/>
      <c r="F35" s="31"/>
      <c r="G35" s="35" t="str">
        <f>IF(C35=0,"",IF(申請書!$G$8=0,"",申請書!$G$8))</f>
        <v/>
      </c>
      <c r="H35" s="36" t="str">
        <f>IF(C35=0,"",IF(申請書!$G$9=0,"",申請書!$G$9))</f>
        <v/>
      </c>
      <c r="I35" s="36" t="str">
        <f>IF(C35=0,"",IF(申請書!$G$13=0,"",申請書!$G$13))</f>
        <v/>
      </c>
      <c r="J35" s="37" t="str">
        <f>IF(C35=0,"",IF(申請書!$G$14=0,"",申請書!$G$14))</f>
        <v/>
      </c>
      <c r="K35" s="37" t="str">
        <f>IF(C35=0,"",IF(申請書!$G$15=0,"",申請書!$G$15))</f>
        <v/>
      </c>
    </row>
    <row r="36" spans="1:11" ht="19.95" customHeight="1" x14ac:dyDescent="0.2">
      <c r="A36" s="30">
        <v>34</v>
      </c>
      <c r="B36" s="34" t="str">
        <f>IF(C36=0,"",IF(申請書!$G$10=0,"",申請書!$G$10))</f>
        <v/>
      </c>
      <c r="C36" s="2"/>
      <c r="D36" s="2"/>
      <c r="E36" s="2"/>
      <c r="F36" s="31"/>
      <c r="G36" s="35" t="str">
        <f>IF(C36=0,"",IF(申請書!$G$8=0,"",申請書!$G$8))</f>
        <v/>
      </c>
      <c r="H36" s="36" t="str">
        <f>IF(C36=0,"",IF(申請書!$G$9=0,"",申請書!$G$9))</f>
        <v/>
      </c>
      <c r="I36" s="36" t="str">
        <f>IF(C36=0,"",IF(申請書!$G$13=0,"",申請書!$G$13))</f>
        <v/>
      </c>
      <c r="J36" s="37" t="str">
        <f>IF(C36=0,"",IF(申請書!$G$14=0,"",申請書!$G$14))</f>
        <v/>
      </c>
      <c r="K36" s="37" t="str">
        <f>IF(C36=0,"",IF(申請書!$G$15=0,"",申請書!$G$15))</f>
        <v/>
      </c>
    </row>
    <row r="37" spans="1:11" ht="19.95" customHeight="1" x14ac:dyDescent="0.2">
      <c r="A37" s="30">
        <v>35</v>
      </c>
      <c r="B37" s="34" t="str">
        <f>IF(C37=0,"",IF(申請書!$G$10=0,"",申請書!$G$10))</f>
        <v/>
      </c>
      <c r="C37" s="2"/>
      <c r="D37" s="2"/>
      <c r="E37" s="2"/>
      <c r="F37" s="31"/>
      <c r="G37" s="35" t="str">
        <f>IF(C37=0,"",IF(申請書!$G$8=0,"",申請書!$G$8))</f>
        <v/>
      </c>
      <c r="H37" s="36" t="str">
        <f>IF(C37=0,"",IF(申請書!$G$9=0,"",申請書!$G$9))</f>
        <v/>
      </c>
      <c r="I37" s="36" t="str">
        <f>IF(C37=0,"",IF(申請書!$G$13=0,"",申請書!$G$13))</f>
        <v/>
      </c>
      <c r="J37" s="37" t="str">
        <f>IF(C37=0,"",IF(申請書!$G$14=0,"",申請書!$G$14))</f>
        <v/>
      </c>
      <c r="K37" s="37" t="str">
        <f>IF(C37=0,"",IF(申請書!$G$15=0,"",申請書!$G$15))</f>
        <v/>
      </c>
    </row>
    <row r="38" spans="1:11" ht="19.95" customHeight="1" x14ac:dyDescent="0.2">
      <c r="A38" s="30">
        <v>36</v>
      </c>
      <c r="B38" s="34" t="str">
        <f>IF(C38=0,"",IF(申請書!$G$10=0,"",申請書!$G$10))</f>
        <v/>
      </c>
      <c r="C38" s="2"/>
      <c r="D38" s="2"/>
      <c r="E38" s="2"/>
      <c r="F38" s="31"/>
      <c r="G38" s="35" t="str">
        <f>IF(C38=0,"",IF(申請書!$G$8=0,"",申請書!$G$8))</f>
        <v/>
      </c>
      <c r="H38" s="36" t="str">
        <f>IF(C38=0,"",IF(申請書!$G$9=0,"",申請書!$G$9))</f>
        <v/>
      </c>
      <c r="I38" s="36" t="str">
        <f>IF(C38=0,"",IF(申請書!$G$13=0,"",申請書!$G$13))</f>
        <v/>
      </c>
      <c r="J38" s="37" t="str">
        <f>IF(C38=0,"",IF(申請書!$G$14=0,"",申請書!$G$14))</f>
        <v/>
      </c>
      <c r="K38" s="37" t="str">
        <f>IF(C38=0,"",IF(申請書!$G$15=0,"",申請書!$G$15))</f>
        <v/>
      </c>
    </row>
    <row r="39" spans="1:11" ht="19.95" customHeight="1" x14ac:dyDescent="0.2">
      <c r="A39" s="30">
        <v>37</v>
      </c>
      <c r="B39" s="34" t="str">
        <f>IF(C39=0,"",IF(申請書!$G$10=0,"",申請書!$G$10))</f>
        <v/>
      </c>
      <c r="C39" s="2"/>
      <c r="D39" s="2"/>
      <c r="E39" s="2"/>
      <c r="F39" s="31"/>
      <c r="G39" s="35" t="str">
        <f>IF(C39=0,"",IF(申請書!$G$8=0,"",申請書!$G$8))</f>
        <v/>
      </c>
      <c r="H39" s="36" t="str">
        <f>IF(C39=0,"",IF(申請書!$G$9=0,"",申請書!$G$9))</f>
        <v/>
      </c>
      <c r="I39" s="36" t="str">
        <f>IF(C39=0,"",IF(申請書!$G$13=0,"",申請書!$G$13))</f>
        <v/>
      </c>
      <c r="J39" s="37" t="str">
        <f>IF(C39=0,"",IF(申請書!$G$14=0,"",申請書!$G$14))</f>
        <v/>
      </c>
      <c r="K39" s="37" t="str">
        <f>IF(C39=0,"",IF(申請書!$G$15=0,"",申請書!$G$15))</f>
        <v/>
      </c>
    </row>
    <row r="40" spans="1:11" ht="19.95" customHeight="1" x14ac:dyDescent="0.2">
      <c r="A40" s="30">
        <v>38</v>
      </c>
      <c r="B40" s="34" t="str">
        <f>IF(C40=0,"",IF(申請書!$G$10=0,"",申請書!$G$10))</f>
        <v/>
      </c>
      <c r="C40" s="2"/>
      <c r="D40" s="2"/>
      <c r="E40" s="2"/>
      <c r="F40" s="31"/>
      <c r="G40" s="35" t="str">
        <f>IF(C40=0,"",IF(申請書!$G$8=0,"",申請書!$G$8))</f>
        <v/>
      </c>
      <c r="H40" s="36" t="str">
        <f>IF(C40=0,"",IF(申請書!$G$9=0,"",申請書!$G$9))</f>
        <v/>
      </c>
      <c r="I40" s="36" t="str">
        <f>IF(C40=0,"",IF(申請書!$G$13=0,"",申請書!$G$13))</f>
        <v/>
      </c>
      <c r="J40" s="37" t="str">
        <f>IF(C40=0,"",IF(申請書!$G$14=0,"",申請書!$G$14))</f>
        <v/>
      </c>
      <c r="K40" s="37" t="str">
        <f>IF(C40=0,"",IF(申請書!$G$15=0,"",申請書!$G$15))</f>
        <v/>
      </c>
    </row>
    <row r="41" spans="1:11" ht="19.95" customHeight="1" x14ac:dyDescent="0.2">
      <c r="A41" s="30">
        <v>39</v>
      </c>
      <c r="B41" s="34" t="str">
        <f>IF(C41=0,"",IF(申請書!$G$10=0,"",申請書!$G$10))</f>
        <v/>
      </c>
      <c r="C41" s="2"/>
      <c r="D41" s="2"/>
      <c r="E41" s="2"/>
      <c r="F41" s="31"/>
      <c r="G41" s="35" t="str">
        <f>IF(C41=0,"",IF(申請書!$G$8=0,"",申請書!$G$8))</f>
        <v/>
      </c>
      <c r="H41" s="36" t="str">
        <f>IF(C41=0,"",IF(申請書!$G$9=0,"",申請書!$G$9))</f>
        <v/>
      </c>
      <c r="I41" s="36" t="str">
        <f>IF(C41=0,"",IF(申請書!$G$13=0,"",申請書!$G$13))</f>
        <v/>
      </c>
      <c r="J41" s="37" t="str">
        <f>IF(C41=0,"",IF(申請書!$G$14=0,"",申請書!$G$14))</f>
        <v/>
      </c>
      <c r="K41" s="37" t="str">
        <f>IF(C41=0,"",IF(申請書!$G$15=0,"",申請書!$G$15))</f>
        <v/>
      </c>
    </row>
    <row r="42" spans="1:11" ht="19.95" customHeight="1" x14ac:dyDescent="0.2">
      <c r="A42" s="30">
        <v>40</v>
      </c>
      <c r="B42" s="34" t="str">
        <f>IF(C42=0,"",IF(申請書!$G$10=0,"",申請書!$G$10))</f>
        <v/>
      </c>
      <c r="C42" s="2"/>
      <c r="D42" s="2"/>
      <c r="E42" s="2"/>
      <c r="F42" s="31"/>
      <c r="G42" s="35" t="str">
        <f>IF(C42=0,"",IF(申請書!$G$8=0,"",申請書!$G$8))</f>
        <v/>
      </c>
      <c r="H42" s="36" t="str">
        <f>IF(C42=0,"",IF(申請書!$G$9=0,"",申請書!$G$9))</f>
        <v/>
      </c>
      <c r="I42" s="36" t="str">
        <f>IF(C42=0,"",IF(申請書!$G$13=0,"",申請書!$G$13))</f>
        <v/>
      </c>
      <c r="J42" s="37" t="str">
        <f>IF(C42=0,"",IF(申請書!$G$14=0,"",申請書!$G$14))</f>
        <v/>
      </c>
      <c r="K42" s="37" t="str">
        <f>IF(C42=0,"",IF(申請書!$G$15=0,"",申請書!$G$15))</f>
        <v/>
      </c>
    </row>
    <row r="43" spans="1:11" ht="19.95" customHeight="1" x14ac:dyDescent="0.2">
      <c r="A43" s="30">
        <v>41</v>
      </c>
      <c r="B43" s="34" t="str">
        <f>IF(C43=0,"",IF(申請書!$G$10=0,"",申請書!$G$10))</f>
        <v/>
      </c>
      <c r="C43" s="2"/>
      <c r="D43" s="2"/>
      <c r="E43" s="2"/>
      <c r="F43" s="31"/>
      <c r="G43" s="35" t="str">
        <f>IF(C43=0,"",IF(申請書!$G$8=0,"",申請書!$G$8))</f>
        <v/>
      </c>
      <c r="H43" s="36" t="str">
        <f>IF(C43=0,"",IF(申請書!$G$9=0,"",申請書!$G$9))</f>
        <v/>
      </c>
      <c r="I43" s="36" t="str">
        <f>IF(C43=0,"",IF(申請書!$G$13=0,"",申請書!$G$13))</f>
        <v/>
      </c>
      <c r="J43" s="37" t="str">
        <f>IF(C43=0,"",IF(申請書!$G$14=0,"",申請書!$G$14))</f>
        <v/>
      </c>
      <c r="K43" s="37" t="str">
        <f>IF(C43=0,"",IF(申請書!$G$15=0,"",申請書!$G$15))</f>
        <v/>
      </c>
    </row>
    <row r="44" spans="1:11" ht="19.95" customHeight="1" x14ac:dyDescent="0.2">
      <c r="A44" s="30">
        <v>42</v>
      </c>
      <c r="B44" s="34" t="str">
        <f>IF(C44=0,"",IF(申請書!$G$10=0,"",申請書!$G$10))</f>
        <v/>
      </c>
      <c r="C44" s="2"/>
      <c r="D44" s="2"/>
      <c r="E44" s="2"/>
      <c r="F44" s="31"/>
      <c r="G44" s="35" t="str">
        <f>IF(C44=0,"",IF(申請書!$G$8=0,"",申請書!$G$8))</f>
        <v/>
      </c>
      <c r="H44" s="36" t="str">
        <f>IF(C44=0,"",IF(申請書!$G$9=0,"",申請書!$G$9))</f>
        <v/>
      </c>
      <c r="I44" s="36" t="str">
        <f>IF(C44=0,"",IF(申請書!$G$13=0,"",申請書!$G$13))</f>
        <v/>
      </c>
      <c r="J44" s="37" t="str">
        <f>IF(C44=0,"",IF(申請書!$G$14=0,"",申請書!$G$14))</f>
        <v/>
      </c>
      <c r="K44" s="37" t="str">
        <f>IF(C44=0,"",IF(申請書!$G$15=0,"",申請書!$G$15))</f>
        <v/>
      </c>
    </row>
    <row r="45" spans="1:11" ht="19.95" customHeight="1" x14ac:dyDescent="0.2">
      <c r="A45" s="30">
        <v>43</v>
      </c>
      <c r="B45" s="34" t="str">
        <f>IF(C45=0,"",IF(申請書!$G$10=0,"",申請書!$G$10))</f>
        <v/>
      </c>
      <c r="C45" s="2"/>
      <c r="D45" s="2"/>
      <c r="E45" s="2"/>
      <c r="F45" s="31"/>
      <c r="G45" s="35" t="str">
        <f>IF(C45=0,"",IF(申請書!$G$8=0,"",申請書!$G$8))</f>
        <v/>
      </c>
      <c r="H45" s="36" t="str">
        <f>IF(C45=0,"",IF(申請書!$G$9=0,"",申請書!$G$9))</f>
        <v/>
      </c>
      <c r="I45" s="36" t="str">
        <f>IF(C45=0,"",IF(申請書!$G$13=0,"",申請書!$G$13))</f>
        <v/>
      </c>
      <c r="J45" s="37" t="str">
        <f>IF(C45=0,"",IF(申請書!$G$14=0,"",申請書!$G$14))</f>
        <v/>
      </c>
      <c r="K45" s="37" t="str">
        <f>IF(C45=0,"",IF(申請書!$G$15=0,"",申請書!$G$15))</f>
        <v/>
      </c>
    </row>
    <row r="46" spans="1:11" ht="19.95" customHeight="1" x14ac:dyDescent="0.2">
      <c r="A46" s="30">
        <v>44</v>
      </c>
      <c r="B46" s="34" t="str">
        <f>IF(C46=0,"",IF(申請書!$G$10=0,"",申請書!$G$10))</f>
        <v/>
      </c>
      <c r="C46" s="2"/>
      <c r="D46" s="2"/>
      <c r="E46" s="2"/>
      <c r="F46" s="31"/>
      <c r="G46" s="35" t="str">
        <f>IF(C46=0,"",IF(申請書!$G$8=0,"",申請書!$G$8))</f>
        <v/>
      </c>
      <c r="H46" s="36" t="str">
        <f>IF(C46=0,"",IF(申請書!$G$9=0,"",申請書!$G$9))</f>
        <v/>
      </c>
      <c r="I46" s="36" t="str">
        <f>IF(C46=0,"",IF(申請書!$G$13=0,"",申請書!$G$13))</f>
        <v/>
      </c>
      <c r="J46" s="37" t="str">
        <f>IF(C46=0,"",IF(申請書!$G$14=0,"",申請書!$G$14))</f>
        <v/>
      </c>
      <c r="K46" s="37" t="str">
        <f>IF(C46=0,"",IF(申請書!$G$15=0,"",申請書!$G$15))</f>
        <v/>
      </c>
    </row>
    <row r="47" spans="1:11" ht="19.95" customHeight="1" x14ac:dyDescent="0.2">
      <c r="A47" s="30">
        <v>45</v>
      </c>
      <c r="B47" s="34" t="str">
        <f>IF(C47=0,"",IF(申請書!$G$10=0,"",申請書!$G$10))</f>
        <v/>
      </c>
      <c r="C47" s="2"/>
      <c r="D47" s="2"/>
      <c r="E47" s="2"/>
      <c r="F47" s="31"/>
      <c r="G47" s="35" t="str">
        <f>IF(C47=0,"",IF(申請書!$G$8=0,"",申請書!$G$8))</f>
        <v/>
      </c>
      <c r="H47" s="36" t="str">
        <f>IF(C47=0,"",IF(申請書!$G$9=0,"",申請書!$G$9))</f>
        <v/>
      </c>
      <c r="I47" s="36" t="str">
        <f>IF(C47=0,"",IF(申請書!$G$13=0,"",申請書!$G$13))</f>
        <v/>
      </c>
      <c r="J47" s="37" t="str">
        <f>IF(C47=0,"",IF(申請書!$G$14=0,"",申請書!$G$14))</f>
        <v/>
      </c>
      <c r="K47" s="37" t="str">
        <f>IF(C47=0,"",IF(申請書!$G$15=0,"",申請書!$G$15))</f>
        <v/>
      </c>
    </row>
    <row r="48" spans="1:11" ht="19.95" customHeight="1" x14ac:dyDescent="0.2">
      <c r="A48" s="30">
        <v>46</v>
      </c>
      <c r="B48" s="34" t="str">
        <f>IF(C48=0,"",IF(申請書!$G$10=0,"",申請書!$G$10))</f>
        <v/>
      </c>
      <c r="C48" s="2"/>
      <c r="D48" s="2"/>
      <c r="E48" s="2"/>
      <c r="F48" s="31"/>
      <c r="G48" s="35" t="str">
        <f>IF(C48=0,"",IF(申請書!$G$8=0,"",申請書!$G$8))</f>
        <v/>
      </c>
      <c r="H48" s="36" t="str">
        <f>IF(C48=0,"",IF(申請書!$G$9=0,"",申請書!$G$9))</f>
        <v/>
      </c>
      <c r="I48" s="36" t="str">
        <f>IF(C48=0,"",IF(申請書!$G$13=0,"",申請書!$G$13))</f>
        <v/>
      </c>
      <c r="J48" s="37" t="str">
        <f>IF(C48=0,"",IF(申請書!$G$14=0,"",申請書!$G$14))</f>
        <v/>
      </c>
      <c r="K48" s="37" t="str">
        <f>IF(C48=0,"",IF(申請書!$G$15=0,"",申請書!$G$15))</f>
        <v/>
      </c>
    </row>
    <row r="49" spans="1:11" ht="19.95" customHeight="1" x14ac:dyDescent="0.2">
      <c r="A49" s="30">
        <v>47</v>
      </c>
      <c r="B49" s="34" t="str">
        <f>IF(C49=0,"",IF(申請書!$G$10=0,"",申請書!$G$10))</f>
        <v/>
      </c>
      <c r="C49" s="2"/>
      <c r="D49" s="2"/>
      <c r="E49" s="2"/>
      <c r="F49" s="31"/>
      <c r="G49" s="35" t="str">
        <f>IF(C49=0,"",IF(申請書!$G$8=0,"",申請書!$G$8))</f>
        <v/>
      </c>
      <c r="H49" s="36" t="str">
        <f>IF(C49=0,"",IF(申請書!$G$9=0,"",申請書!$G$9))</f>
        <v/>
      </c>
      <c r="I49" s="36" t="str">
        <f>IF(C49=0,"",IF(申請書!$G$13=0,"",申請書!$G$13))</f>
        <v/>
      </c>
      <c r="J49" s="37" t="str">
        <f>IF(C49=0,"",IF(申請書!$G$14=0,"",申請書!$G$14))</f>
        <v/>
      </c>
      <c r="K49" s="37" t="str">
        <f>IF(C49=0,"",IF(申請書!$G$15=0,"",申請書!$G$15))</f>
        <v/>
      </c>
    </row>
    <row r="50" spans="1:11" ht="19.95" customHeight="1" x14ac:dyDescent="0.2">
      <c r="A50" s="30">
        <v>48</v>
      </c>
      <c r="B50" s="34" t="str">
        <f>IF(C50=0,"",IF(申請書!$G$10=0,"",申請書!$G$10))</f>
        <v/>
      </c>
      <c r="C50" s="2"/>
      <c r="D50" s="2"/>
      <c r="E50" s="2"/>
      <c r="F50" s="31"/>
      <c r="G50" s="35" t="str">
        <f>IF(C50=0,"",IF(申請書!$G$8=0,"",申請書!$G$8))</f>
        <v/>
      </c>
      <c r="H50" s="36" t="str">
        <f>IF(C50=0,"",IF(申請書!$G$9=0,"",申請書!$G$9))</f>
        <v/>
      </c>
      <c r="I50" s="36" t="str">
        <f>IF(C50=0,"",IF(申請書!$G$13=0,"",申請書!$G$13))</f>
        <v/>
      </c>
      <c r="J50" s="37" t="str">
        <f>IF(C50=0,"",IF(申請書!$G$14=0,"",申請書!$G$14))</f>
        <v/>
      </c>
      <c r="K50" s="37" t="str">
        <f>IF(C50=0,"",IF(申請書!$G$15=0,"",申請書!$G$15))</f>
        <v/>
      </c>
    </row>
    <row r="51" spans="1:11" ht="19.95" customHeight="1" x14ac:dyDescent="0.2">
      <c r="A51" s="30">
        <v>49</v>
      </c>
      <c r="B51" s="34" t="str">
        <f>IF(C51=0,"",IF(申請書!$G$10=0,"",申請書!$G$10))</f>
        <v/>
      </c>
      <c r="C51" s="2"/>
      <c r="D51" s="2"/>
      <c r="E51" s="2"/>
      <c r="F51" s="31"/>
      <c r="G51" s="35" t="str">
        <f>IF(C51=0,"",IF(申請書!$G$8=0,"",申請書!$G$8))</f>
        <v/>
      </c>
      <c r="H51" s="36" t="str">
        <f>IF(C51=0,"",IF(申請書!$G$9=0,"",申請書!$G$9))</f>
        <v/>
      </c>
      <c r="I51" s="36" t="str">
        <f>IF(C51=0,"",IF(申請書!$G$13=0,"",申請書!$G$13))</f>
        <v/>
      </c>
      <c r="J51" s="37" t="str">
        <f>IF(C51=0,"",IF(申請書!$G$14=0,"",申請書!$G$14))</f>
        <v/>
      </c>
      <c r="K51" s="37" t="str">
        <f>IF(C51=0,"",IF(申請書!$G$15=0,"",申請書!$G$15))</f>
        <v/>
      </c>
    </row>
    <row r="52" spans="1:11" ht="19.95" customHeight="1" x14ac:dyDescent="0.2">
      <c r="A52" s="30">
        <v>50</v>
      </c>
      <c r="B52" s="34" t="str">
        <f>IF(C52=0,"",IF(申請書!$G$10=0,"",申請書!$G$10))</f>
        <v/>
      </c>
      <c r="C52" s="2"/>
      <c r="D52" s="2"/>
      <c r="E52" s="2"/>
      <c r="F52" s="31"/>
      <c r="G52" s="35" t="str">
        <f>IF(C52=0,"",IF(申請書!$G$8=0,"",申請書!$G$8))</f>
        <v/>
      </c>
      <c r="H52" s="36" t="str">
        <f>IF(C52=0,"",IF(申請書!$G$9=0,"",申請書!$G$9))</f>
        <v/>
      </c>
      <c r="I52" s="36" t="str">
        <f>IF(C52=0,"",IF(申請書!$G$13=0,"",申請書!$G$13))</f>
        <v/>
      </c>
      <c r="J52" s="37" t="str">
        <f>IF(C52=0,"",IF(申請書!$G$14=0,"",申請書!$G$14))</f>
        <v/>
      </c>
      <c r="K52" s="37" t="str">
        <f>IF(C52=0,"",IF(申請書!$G$15=0,"",申請書!$G$15))</f>
        <v/>
      </c>
    </row>
    <row r="53" spans="1:11" ht="19.95" customHeight="1" x14ac:dyDescent="0.2">
      <c r="A53" s="30">
        <v>51</v>
      </c>
      <c r="B53" s="34" t="str">
        <f>IF(C53=0,"",IF(申請書!$G$10=0,"",申請書!$G$10))</f>
        <v/>
      </c>
      <c r="C53" s="2"/>
      <c r="D53" s="2"/>
      <c r="E53" s="2"/>
      <c r="F53" s="31"/>
      <c r="G53" s="35" t="str">
        <f>IF(C53=0,"",IF(申請書!$G$8=0,"",申請書!$G$8))</f>
        <v/>
      </c>
      <c r="H53" s="36" t="str">
        <f>IF(C53=0,"",IF(申請書!$G$9=0,"",申請書!$G$9))</f>
        <v/>
      </c>
      <c r="I53" s="36" t="str">
        <f>IF(C53=0,"",IF(申請書!$G$13=0,"",申請書!$G$13))</f>
        <v/>
      </c>
      <c r="J53" s="37" t="str">
        <f>IF(C53=0,"",IF(申請書!$G$14=0,"",申請書!$G$14))</f>
        <v/>
      </c>
      <c r="K53" s="37" t="str">
        <f>IF(C53=0,"",IF(申請書!$G$15=0,"",申請書!$G$15))</f>
        <v/>
      </c>
    </row>
    <row r="54" spans="1:11" ht="19.95" customHeight="1" x14ac:dyDescent="0.2">
      <c r="A54" s="30">
        <v>52</v>
      </c>
      <c r="B54" s="34" t="str">
        <f>IF(C54=0,"",IF(申請書!$G$10=0,"",申請書!$G$10))</f>
        <v/>
      </c>
      <c r="C54" s="2"/>
      <c r="D54" s="2"/>
      <c r="E54" s="2"/>
      <c r="F54" s="31"/>
      <c r="G54" s="35" t="str">
        <f>IF(C54=0,"",IF(申請書!$G$8=0,"",申請書!$G$8))</f>
        <v/>
      </c>
      <c r="H54" s="36" t="str">
        <f>IF(C54=0,"",IF(申請書!$G$9=0,"",申請書!$G$9))</f>
        <v/>
      </c>
      <c r="I54" s="36" t="str">
        <f>IF(C54=0,"",IF(申請書!$G$13=0,"",申請書!$G$13))</f>
        <v/>
      </c>
      <c r="J54" s="37" t="str">
        <f>IF(C54=0,"",IF(申請書!$G$14=0,"",申請書!$G$14))</f>
        <v/>
      </c>
      <c r="K54" s="37" t="str">
        <f>IF(C54=0,"",IF(申請書!$G$15=0,"",申請書!$G$15))</f>
        <v/>
      </c>
    </row>
    <row r="55" spans="1:11" ht="19.95" customHeight="1" x14ac:dyDescent="0.2">
      <c r="A55" s="30">
        <v>53</v>
      </c>
      <c r="B55" s="34" t="str">
        <f>IF(C55=0,"",IF(申請書!$G$10=0,"",申請書!$G$10))</f>
        <v/>
      </c>
      <c r="C55" s="2"/>
      <c r="D55" s="2"/>
      <c r="E55" s="2"/>
      <c r="F55" s="31"/>
      <c r="G55" s="35" t="str">
        <f>IF(C55=0,"",IF(申請書!$G$8=0,"",申請書!$G$8))</f>
        <v/>
      </c>
      <c r="H55" s="36" t="str">
        <f>IF(C55=0,"",IF(申請書!$G$9=0,"",申請書!$G$9))</f>
        <v/>
      </c>
      <c r="I55" s="36" t="str">
        <f>IF(C55=0,"",IF(申請書!$G$13=0,"",申請書!$G$13))</f>
        <v/>
      </c>
      <c r="J55" s="37" t="str">
        <f>IF(C55=0,"",IF(申請書!$G$14=0,"",申請書!$G$14))</f>
        <v/>
      </c>
      <c r="K55" s="37" t="str">
        <f>IF(C55=0,"",IF(申請書!$G$15=0,"",申請書!$G$15))</f>
        <v/>
      </c>
    </row>
    <row r="56" spans="1:11" ht="19.95" customHeight="1" x14ac:dyDescent="0.2">
      <c r="A56" s="30">
        <v>54</v>
      </c>
      <c r="B56" s="34" t="str">
        <f>IF(C56=0,"",IF(申請書!$G$10=0,"",申請書!$G$10))</f>
        <v/>
      </c>
      <c r="C56" s="2"/>
      <c r="D56" s="2"/>
      <c r="E56" s="2"/>
      <c r="F56" s="31"/>
      <c r="G56" s="35" t="str">
        <f>IF(C56=0,"",IF(申請書!$G$8=0,"",申請書!$G$8))</f>
        <v/>
      </c>
      <c r="H56" s="36" t="str">
        <f>IF(C56=0,"",IF(申請書!$G$9=0,"",申請書!$G$9))</f>
        <v/>
      </c>
      <c r="I56" s="36" t="str">
        <f>IF(C56=0,"",IF(申請書!$G$13=0,"",申請書!$G$13))</f>
        <v/>
      </c>
      <c r="J56" s="37" t="str">
        <f>IF(C56=0,"",IF(申請書!$G$14=0,"",申請書!$G$14))</f>
        <v/>
      </c>
      <c r="K56" s="37" t="str">
        <f>IF(C56=0,"",IF(申請書!$G$15=0,"",申請書!$G$15))</f>
        <v/>
      </c>
    </row>
    <row r="57" spans="1:11" ht="19.95" customHeight="1" x14ac:dyDescent="0.2">
      <c r="A57" s="30">
        <v>55</v>
      </c>
      <c r="B57" s="34" t="str">
        <f>IF(C57=0,"",IF(申請書!$G$10=0,"",申請書!$G$10))</f>
        <v/>
      </c>
      <c r="C57" s="2"/>
      <c r="D57" s="2"/>
      <c r="E57" s="2"/>
      <c r="F57" s="31"/>
      <c r="G57" s="35" t="str">
        <f>IF(C57=0,"",IF(申請書!$G$8=0,"",申請書!$G$8))</f>
        <v/>
      </c>
      <c r="H57" s="36" t="str">
        <f>IF(C57=0,"",IF(申請書!$G$9=0,"",申請書!$G$9))</f>
        <v/>
      </c>
      <c r="I57" s="36" t="str">
        <f>IF(C57=0,"",IF(申請書!$G$13=0,"",申請書!$G$13))</f>
        <v/>
      </c>
      <c r="J57" s="37" t="str">
        <f>IF(C57=0,"",IF(申請書!$G$14=0,"",申請書!$G$14))</f>
        <v/>
      </c>
      <c r="K57" s="37" t="str">
        <f>IF(C57=0,"",IF(申請書!$G$15=0,"",申請書!$G$15))</f>
        <v/>
      </c>
    </row>
    <row r="58" spans="1:11" ht="19.95" customHeight="1" x14ac:dyDescent="0.2">
      <c r="A58" s="30">
        <v>56</v>
      </c>
      <c r="B58" s="34" t="str">
        <f>IF(C58=0,"",IF(申請書!$G$10=0,"",申請書!$G$10))</f>
        <v/>
      </c>
      <c r="C58" s="2"/>
      <c r="D58" s="2"/>
      <c r="E58" s="2"/>
      <c r="F58" s="31"/>
      <c r="G58" s="35" t="str">
        <f>IF(C58=0,"",IF(申請書!$G$8=0,"",申請書!$G$8))</f>
        <v/>
      </c>
      <c r="H58" s="36" t="str">
        <f>IF(C58=0,"",IF(申請書!$G$9=0,"",申請書!$G$9))</f>
        <v/>
      </c>
      <c r="I58" s="36" t="str">
        <f>IF(C58=0,"",IF(申請書!$G$13=0,"",申請書!$G$13))</f>
        <v/>
      </c>
      <c r="J58" s="37" t="str">
        <f>IF(C58=0,"",IF(申請書!$G$14=0,"",申請書!$G$14))</f>
        <v/>
      </c>
      <c r="K58" s="37" t="str">
        <f>IF(C58=0,"",IF(申請書!$G$15=0,"",申請書!$G$15))</f>
        <v/>
      </c>
    </row>
    <row r="59" spans="1:11" ht="19.95" customHeight="1" x14ac:dyDescent="0.2">
      <c r="A59" s="30">
        <v>57</v>
      </c>
      <c r="B59" s="34" t="str">
        <f>IF(C59=0,"",IF(申請書!$G$10=0,"",申請書!$G$10))</f>
        <v/>
      </c>
      <c r="C59" s="2"/>
      <c r="D59" s="2"/>
      <c r="E59" s="2"/>
      <c r="F59" s="31"/>
      <c r="G59" s="35" t="str">
        <f>IF(C59=0,"",IF(申請書!$G$8=0,"",申請書!$G$8))</f>
        <v/>
      </c>
      <c r="H59" s="36" t="str">
        <f>IF(C59=0,"",IF(申請書!$G$9=0,"",申請書!$G$9))</f>
        <v/>
      </c>
      <c r="I59" s="36" t="str">
        <f>IF(C59=0,"",IF(申請書!$G$13=0,"",申請書!$G$13))</f>
        <v/>
      </c>
      <c r="J59" s="37" t="str">
        <f>IF(C59=0,"",IF(申請書!$G$14=0,"",申請書!$G$14))</f>
        <v/>
      </c>
      <c r="K59" s="37" t="str">
        <f>IF(C59=0,"",IF(申請書!$G$15=0,"",申請書!$G$15))</f>
        <v/>
      </c>
    </row>
    <row r="60" spans="1:11" ht="19.95" customHeight="1" x14ac:dyDescent="0.2">
      <c r="A60" s="30">
        <v>58</v>
      </c>
      <c r="B60" s="34" t="str">
        <f>IF(C60=0,"",IF(申請書!$G$10=0,"",申請書!$G$10))</f>
        <v/>
      </c>
      <c r="C60" s="2"/>
      <c r="D60" s="2"/>
      <c r="E60" s="2"/>
      <c r="F60" s="31"/>
      <c r="G60" s="35" t="str">
        <f>IF(C60=0,"",IF(申請書!$G$8=0,"",申請書!$G$8))</f>
        <v/>
      </c>
      <c r="H60" s="36" t="str">
        <f>IF(C60=0,"",IF(申請書!$G$9=0,"",申請書!$G$9))</f>
        <v/>
      </c>
      <c r="I60" s="36" t="str">
        <f>IF(C60=0,"",IF(申請書!$G$13=0,"",申請書!$G$13))</f>
        <v/>
      </c>
      <c r="J60" s="37" t="str">
        <f>IF(C60=0,"",IF(申請書!$G$14=0,"",申請書!$G$14))</f>
        <v/>
      </c>
      <c r="K60" s="37" t="str">
        <f>IF(C60=0,"",IF(申請書!$G$15=0,"",申請書!$G$15))</f>
        <v/>
      </c>
    </row>
    <row r="61" spans="1:11" ht="19.95" customHeight="1" x14ac:dyDescent="0.2">
      <c r="A61" s="30">
        <v>59</v>
      </c>
      <c r="B61" s="34" t="str">
        <f>IF(C61=0,"",IF(申請書!$G$10=0,"",申請書!$G$10))</f>
        <v/>
      </c>
      <c r="C61" s="2"/>
      <c r="D61" s="2"/>
      <c r="E61" s="2"/>
      <c r="F61" s="31"/>
      <c r="G61" s="35" t="str">
        <f>IF(C61=0,"",IF(申請書!$G$8=0,"",申請書!$G$8))</f>
        <v/>
      </c>
      <c r="H61" s="36" t="str">
        <f>IF(C61=0,"",IF(申請書!$G$9=0,"",申請書!$G$9))</f>
        <v/>
      </c>
      <c r="I61" s="36" t="str">
        <f>IF(C61=0,"",IF(申請書!$G$13=0,"",申請書!$G$13))</f>
        <v/>
      </c>
      <c r="J61" s="37" t="str">
        <f>IF(C61=0,"",IF(申請書!$G$14=0,"",申請書!$G$14))</f>
        <v/>
      </c>
      <c r="K61" s="37" t="str">
        <f>IF(C61=0,"",IF(申請書!$G$15=0,"",申請書!$G$15))</f>
        <v/>
      </c>
    </row>
    <row r="62" spans="1:11" ht="19.95" customHeight="1" x14ac:dyDescent="0.2">
      <c r="A62" s="30">
        <v>60</v>
      </c>
      <c r="B62" s="34" t="str">
        <f>IF(C62=0,"",IF(申請書!$G$10=0,"",申請書!$G$10))</f>
        <v/>
      </c>
      <c r="C62" s="2"/>
      <c r="D62" s="2"/>
      <c r="E62" s="2"/>
      <c r="F62" s="31"/>
      <c r="G62" s="35" t="str">
        <f>IF(C62=0,"",IF(申請書!$G$8=0,"",申請書!$G$8))</f>
        <v/>
      </c>
      <c r="H62" s="36" t="str">
        <f>IF(C62=0,"",IF(申請書!$G$9=0,"",申請書!$G$9))</f>
        <v/>
      </c>
      <c r="I62" s="36" t="str">
        <f>IF(C62=0,"",IF(申請書!$G$13=0,"",申請書!$G$13))</f>
        <v/>
      </c>
      <c r="J62" s="37" t="str">
        <f>IF(C62=0,"",IF(申請書!$G$14=0,"",申請書!$G$14))</f>
        <v/>
      </c>
      <c r="K62" s="37" t="str">
        <f>IF(C62=0,"",IF(申請書!$G$15=0,"",申請書!$G$15))</f>
        <v/>
      </c>
    </row>
    <row r="63" spans="1:11" ht="19.95" customHeight="1" x14ac:dyDescent="0.2">
      <c r="A63" s="30">
        <v>61</v>
      </c>
      <c r="B63" s="34" t="str">
        <f>IF(C63=0,"",IF(申請書!$G$10=0,"",申請書!$G$10))</f>
        <v/>
      </c>
      <c r="C63" s="2"/>
      <c r="D63" s="2"/>
      <c r="E63" s="2"/>
      <c r="F63" s="31"/>
      <c r="G63" s="35" t="str">
        <f>IF(C63=0,"",IF(申請書!$G$8=0,"",申請書!$G$8))</f>
        <v/>
      </c>
      <c r="H63" s="36" t="str">
        <f>IF(C63=0,"",IF(申請書!$G$9=0,"",申請書!$G$9))</f>
        <v/>
      </c>
      <c r="I63" s="36" t="str">
        <f>IF(C63=0,"",IF(申請書!$G$13=0,"",申請書!$G$13))</f>
        <v/>
      </c>
      <c r="J63" s="37" t="str">
        <f>IF(C63=0,"",IF(申請書!$G$14=0,"",申請書!$G$14))</f>
        <v/>
      </c>
      <c r="K63" s="37" t="str">
        <f>IF(C63=0,"",IF(申請書!$G$15=0,"",申請書!$G$15))</f>
        <v/>
      </c>
    </row>
    <row r="64" spans="1:11" ht="19.95" customHeight="1" x14ac:dyDescent="0.2">
      <c r="A64" s="30">
        <v>62</v>
      </c>
      <c r="B64" s="34" t="str">
        <f>IF(C64=0,"",IF(申請書!$G$10=0,"",申請書!$G$10))</f>
        <v/>
      </c>
      <c r="C64" s="2"/>
      <c r="D64" s="2"/>
      <c r="E64" s="2"/>
      <c r="F64" s="31"/>
      <c r="G64" s="35" t="str">
        <f>IF(C64=0,"",IF(申請書!$G$8=0,"",申請書!$G$8))</f>
        <v/>
      </c>
      <c r="H64" s="36" t="str">
        <f>IF(C64=0,"",IF(申請書!$G$9=0,"",申請書!$G$9))</f>
        <v/>
      </c>
      <c r="I64" s="36" t="str">
        <f>IF(C64=0,"",IF(申請書!$G$13=0,"",申請書!$G$13))</f>
        <v/>
      </c>
      <c r="J64" s="37" t="str">
        <f>IF(C64=0,"",IF(申請書!$G$14=0,"",申請書!$G$14))</f>
        <v/>
      </c>
      <c r="K64" s="37" t="str">
        <f>IF(C64=0,"",IF(申請書!$G$15=0,"",申請書!$G$15))</f>
        <v/>
      </c>
    </row>
    <row r="65" spans="1:11" ht="19.95" customHeight="1" x14ac:dyDescent="0.2">
      <c r="A65" s="30">
        <v>63</v>
      </c>
      <c r="B65" s="34" t="str">
        <f>IF(C65=0,"",IF(申請書!$G$10=0,"",申請書!$G$10))</f>
        <v/>
      </c>
      <c r="C65" s="2"/>
      <c r="D65" s="2"/>
      <c r="E65" s="2"/>
      <c r="F65" s="31"/>
      <c r="G65" s="35" t="str">
        <f>IF(C65=0,"",IF(申請書!$G$8=0,"",申請書!$G$8))</f>
        <v/>
      </c>
      <c r="H65" s="36" t="str">
        <f>IF(C65=0,"",IF(申請書!$G$9=0,"",申請書!$G$9))</f>
        <v/>
      </c>
      <c r="I65" s="36" t="str">
        <f>IF(C65=0,"",IF(申請書!$G$13=0,"",申請書!$G$13))</f>
        <v/>
      </c>
      <c r="J65" s="37" t="str">
        <f>IF(C65=0,"",IF(申請書!$G$14=0,"",申請書!$G$14))</f>
        <v/>
      </c>
      <c r="K65" s="37" t="str">
        <f>IF(C65=0,"",IF(申請書!$G$15=0,"",申請書!$G$15))</f>
        <v/>
      </c>
    </row>
    <row r="66" spans="1:11" ht="19.95" customHeight="1" x14ac:dyDescent="0.2">
      <c r="A66" s="30">
        <v>64</v>
      </c>
      <c r="B66" s="34" t="str">
        <f>IF(C66=0,"",IF(申請書!$G$10=0,"",申請書!$G$10))</f>
        <v/>
      </c>
      <c r="C66" s="2"/>
      <c r="D66" s="2"/>
      <c r="E66" s="2"/>
      <c r="F66" s="31"/>
      <c r="G66" s="35" t="str">
        <f>IF(C66=0,"",IF(申請書!$G$8=0,"",申請書!$G$8))</f>
        <v/>
      </c>
      <c r="H66" s="36" t="str">
        <f>IF(C66=0,"",IF(申請書!$G$9=0,"",申請書!$G$9))</f>
        <v/>
      </c>
      <c r="I66" s="36" t="str">
        <f>IF(C66=0,"",IF(申請書!$G$13=0,"",申請書!$G$13))</f>
        <v/>
      </c>
      <c r="J66" s="37" t="str">
        <f>IF(C66=0,"",IF(申請書!$G$14=0,"",申請書!$G$14))</f>
        <v/>
      </c>
      <c r="K66" s="37" t="str">
        <f>IF(C66=0,"",IF(申請書!$G$15=0,"",申請書!$G$15))</f>
        <v/>
      </c>
    </row>
    <row r="67" spans="1:11" ht="19.95" customHeight="1" x14ac:dyDescent="0.2">
      <c r="A67" s="30">
        <v>65</v>
      </c>
      <c r="B67" s="34" t="str">
        <f>IF(C67=0,"",IF(申請書!$G$10=0,"",申請書!$G$10))</f>
        <v/>
      </c>
      <c r="C67" s="2"/>
      <c r="D67" s="2"/>
      <c r="E67" s="2"/>
      <c r="F67" s="31"/>
      <c r="G67" s="35" t="str">
        <f>IF(C67=0,"",IF(申請書!$G$8=0,"",申請書!$G$8))</f>
        <v/>
      </c>
      <c r="H67" s="36" t="str">
        <f>IF(C67=0,"",IF(申請書!$G$9=0,"",申請書!$G$9))</f>
        <v/>
      </c>
      <c r="I67" s="36" t="str">
        <f>IF(C67=0,"",IF(申請書!$G$13=0,"",申請書!$G$13))</f>
        <v/>
      </c>
      <c r="J67" s="37" t="str">
        <f>IF(C67=0,"",IF(申請書!$G$14=0,"",申請書!$G$14))</f>
        <v/>
      </c>
      <c r="K67" s="37" t="str">
        <f>IF(C67=0,"",IF(申請書!$G$15=0,"",申請書!$G$15))</f>
        <v/>
      </c>
    </row>
    <row r="68" spans="1:11" ht="19.95" customHeight="1" x14ac:dyDescent="0.2">
      <c r="A68" s="30">
        <v>66</v>
      </c>
      <c r="B68" s="34" t="str">
        <f>IF(C68=0,"",IF(申請書!$G$10=0,"",申請書!$G$10))</f>
        <v/>
      </c>
      <c r="C68" s="2"/>
      <c r="D68" s="2"/>
      <c r="E68" s="2"/>
      <c r="F68" s="31"/>
      <c r="G68" s="35" t="str">
        <f>IF(C68=0,"",IF(申請書!$G$8=0,"",申請書!$G$8))</f>
        <v/>
      </c>
      <c r="H68" s="36" t="str">
        <f>IF(C68=0,"",IF(申請書!$G$9=0,"",申請書!$G$9))</f>
        <v/>
      </c>
      <c r="I68" s="36" t="str">
        <f>IF(C68=0,"",IF(申請書!$G$13=0,"",申請書!$G$13))</f>
        <v/>
      </c>
      <c r="J68" s="37" t="str">
        <f>IF(C68=0,"",IF(申請書!$G$14=0,"",申請書!$G$14))</f>
        <v/>
      </c>
      <c r="K68" s="37" t="str">
        <f>IF(C68=0,"",IF(申請書!$G$15=0,"",申請書!$G$15))</f>
        <v/>
      </c>
    </row>
    <row r="69" spans="1:11" ht="19.95" customHeight="1" x14ac:dyDescent="0.2">
      <c r="A69" s="30">
        <v>67</v>
      </c>
      <c r="B69" s="34" t="str">
        <f>IF(C69=0,"",IF(申請書!$G$10=0,"",申請書!$G$10))</f>
        <v/>
      </c>
      <c r="C69" s="2"/>
      <c r="D69" s="2"/>
      <c r="E69" s="2"/>
      <c r="F69" s="31"/>
      <c r="G69" s="35" t="str">
        <f>IF(C69=0,"",IF(申請書!$G$8=0,"",申請書!$G$8))</f>
        <v/>
      </c>
      <c r="H69" s="36" t="str">
        <f>IF(C69=0,"",IF(申請書!$G$9=0,"",申請書!$G$9))</f>
        <v/>
      </c>
      <c r="I69" s="36" t="str">
        <f>IF(C69=0,"",IF(申請書!$G$13=0,"",申請書!$G$13))</f>
        <v/>
      </c>
      <c r="J69" s="37" t="str">
        <f>IF(C69=0,"",IF(申請書!$G$14=0,"",申請書!$G$14))</f>
        <v/>
      </c>
      <c r="K69" s="37" t="str">
        <f>IF(C69=0,"",IF(申請書!$G$15=0,"",申請書!$G$15))</f>
        <v/>
      </c>
    </row>
    <row r="70" spans="1:11" ht="19.95" customHeight="1" x14ac:dyDescent="0.2">
      <c r="A70" s="30">
        <v>68</v>
      </c>
      <c r="B70" s="34" t="str">
        <f>IF(C70=0,"",IF(申請書!$G$10=0,"",申請書!$G$10))</f>
        <v/>
      </c>
      <c r="C70" s="2"/>
      <c r="D70" s="2"/>
      <c r="E70" s="2"/>
      <c r="F70" s="31"/>
      <c r="G70" s="35" t="str">
        <f>IF(C70=0,"",IF(申請書!$G$8=0,"",申請書!$G$8))</f>
        <v/>
      </c>
      <c r="H70" s="36" t="str">
        <f>IF(C70=0,"",IF(申請書!$G$9=0,"",申請書!$G$9))</f>
        <v/>
      </c>
      <c r="I70" s="36" t="str">
        <f>IF(C70=0,"",IF(申請書!$G$13=0,"",申請書!$G$13))</f>
        <v/>
      </c>
      <c r="J70" s="37" t="str">
        <f>IF(C70=0,"",IF(申請書!$G$14=0,"",申請書!$G$14))</f>
        <v/>
      </c>
      <c r="K70" s="37" t="str">
        <f>IF(C70=0,"",IF(申請書!$G$15=0,"",申請書!$G$15))</f>
        <v/>
      </c>
    </row>
    <row r="71" spans="1:11" ht="19.95" customHeight="1" x14ac:dyDescent="0.2">
      <c r="A71" s="30">
        <v>69</v>
      </c>
      <c r="B71" s="34" t="str">
        <f>IF(C71=0,"",IF(申請書!$G$10=0,"",申請書!$G$10))</f>
        <v/>
      </c>
      <c r="C71" s="2"/>
      <c r="D71" s="2"/>
      <c r="E71" s="2"/>
      <c r="F71" s="31"/>
      <c r="G71" s="35" t="str">
        <f>IF(C71=0,"",IF(申請書!$G$8=0,"",申請書!$G$8))</f>
        <v/>
      </c>
      <c r="H71" s="36" t="str">
        <f>IF(C71=0,"",IF(申請書!$G$9=0,"",申請書!$G$9))</f>
        <v/>
      </c>
      <c r="I71" s="36" t="str">
        <f>IF(C71=0,"",IF(申請書!$G$13=0,"",申請書!$G$13))</f>
        <v/>
      </c>
      <c r="J71" s="37" t="str">
        <f>IF(C71=0,"",IF(申請書!$G$14=0,"",申請書!$G$14))</f>
        <v/>
      </c>
      <c r="K71" s="37" t="str">
        <f>IF(C71=0,"",IF(申請書!$G$15=0,"",申請書!$G$15))</f>
        <v/>
      </c>
    </row>
    <row r="72" spans="1:11" ht="19.95" customHeight="1" x14ac:dyDescent="0.2">
      <c r="A72" s="30">
        <v>70</v>
      </c>
      <c r="B72" s="34" t="str">
        <f>IF(C72=0,"",IF(申請書!$G$10=0,"",申請書!$G$10))</f>
        <v/>
      </c>
      <c r="C72" s="2"/>
      <c r="D72" s="2"/>
      <c r="E72" s="2"/>
      <c r="F72" s="31"/>
      <c r="G72" s="35" t="str">
        <f>IF(C72=0,"",IF(申請書!$G$8=0,"",申請書!$G$8))</f>
        <v/>
      </c>
      <c r="H72" s="36" t="str">
        <f>IF(C72=0,"",IF(申請書!$G$9=0,"",申請書!$G$9))</f>
        <v/>
      </c>
      <c r="I72" s="36" t="str">
        <f>IF(C72=0,"",IF(申請書!$G$13=0,"",申請書!$G$13))</f>
        <v/>
      </c>
      <c r="J72" s="37" t="str">
        <f>IF(C72=0,"",IF(申請書!$G$14=0,"",申請書!$G$14))</f>
        <v/>
      </c>
      <c r="K72" s="37" t="str">
        <f>IF(C72=0,"",IF(申請書!$G$15=0,"",申請書!$G$15))</f>
        <v/>
      </c>
    </row>
    <row r="73" spans="1:11" ht="19.95" customHeight="1" x14ac:dyDescent="0.2">
      <c r="A73" s="30">
        <v>71</v>
      </c>
      <c r="B73" s="34" t="str">
        <f>IF(C73=0,"",IF(申請書!$G$10=0,"",申請書!$G$10))</f>
        <v/>
      </c>
      <c r="C73" s="2"/>
      <c r="D73" s="2"/>
      <c r="E73" s="2"/>
      <c r="F73" s="31"/>
      <c r="G73" s="35" t="str">
        <f>IF(C73=0,"",IF(申請書!$G$8=0,"",申請書!$G$8))</f>
        <v/>
      </c>
      <c r="H73" s="36" t="str">
        <f>IF(C73=0,"",IF(申請書!$G$9=0,"",申請書!$G$9))</f>
        <v/>
      </c>
      <c r="I73" s="36" t="str">
        <f>IF(C73=0,"",IF(申請書!$G$13=0,"",申請書!$G$13))</f>
        <v/>
      </c>
      <c r="J73" s="37" t="str">
        <f>IF(C73=0,"",IF(申請書!$G$14=0,"",申請書!$G$14))</f>
        <v/>
      </c>
      <c r="K73" s="37" t="str">
        <f>IF(C73=0,"",IF(申請書!$G$15=0,"",申請書!$G$15))</f>
        <v/>
      </c>
    </row>
    <row r="74" spans="1:11" ht="19.95" customHeight="1" x14ac:dyDescent="0.2">
      <c r="A74" s="30">
        <v>72</v>
      </c>
      <c r="B74" s="34" t="str">
        <f>IF(C74=0,"",IF(申請書!$G$10=0,"",申請書!$G$10))</f>
        <v/>
      </c>
      <c r="C74" s="2"/>
      <c r="D74" s="2"/>
      <c r="E74" s="2"/>
      <c r="F74" s="31"/>
      <c r="G74" s="35" t="str">
        <f>IF(C74=0,"",IF(申請書!$G$8=0,"",申請書!$G$8))</f>
        <v/>
      </c>
      <c r="H74" s="36" t="str">
        <f>IF(C74=0,"",IF(申請書!$G$9=0,"",申請書!$G$9))</f>
        <v/>
      </c>
      <c r="I74" s="36" t="str">
        <f>IF(C74=0,"",IF(申請書!$G$13=0,"",申請書!$G$13))</f>
        <v/>
      </c>
      <c r="J74" s="37" t="str">
        <f>IF(C74=0,"",IF(申請書!$G$14=0,"",申請書!$G$14))</f>
        <v/>
      </c>
      <c r="K74" s="37" t="str">
        <f>IF(C74=0,"",IF(申請書!$G$15=0,"",申請書!$G$15))</f>
        <v/>
      </c>
    </row>
    <row r="75" spans="1:11" ht="19.95" customHeight="1" x14ac:dyDescent="0.2">
      <c r="A75" s="30">
        <v>73</v>
      </c>
      <c r="B75" s="34" t="str">
        <f>IF(C75=0,"",IF(申請書!$G$10=0,"",申請書!$G$10))</f>
        <v/>
      </c>
      <c r="C75" s="2"/>
      <c r="D75" s="2"/>
      <c r="E75" s="2"/>
      <c r="F75" s="31"/>
      <c r="G75" s="35" t="str">
        <f>IF(C75=0,"",IF(申請書!$G$8=0,"",申請書!$G$8))</f>
        <v/>
      </c>
      <c r="H75" s="36" t="str">
        <f>IF(C75=0,"",IF(申請書!$G$9=0,"",申請書!$G$9))</f>
        <v/>
      </c>
      <c r="I75" s="36" t="str">
        <f>IF(C75=0,"",IF(申請書!$G$13=0,"",申請書!$G$13))</f>
        <v/>
      </c>
      <c r="J75" s="37" t="str">
        <f>IF(C75=0,"",IF(申請書!$G$14=0,"",申請書!$G$14))</f>
        <v/>
      </c>
      <c r="K75" s="37" t="str">
        <f>IF(C75=0,"",IF(申請書!$G$15=0,"",申請書!$G$15))</f>
        <v/>
      </c>
    </row>
    <row r="76" spans="1:11" ht="19.95" customHeight="1" x14ac:dyDescent="0.2">
      <c r="A76" s="30">
        <v>74</v>
      </c>
      <c r="B76" s="34" t="str">
        <f>IF(C76=0,"",IF(申請書!$G$10=0,"",申請書!$G$10))</f>
        <v/>
      </c>
      <c r="C76" s="2"/>
      <c r="D76" s="2"/>
      <c r="E76" s="2"/>
      <c r="F76" s="31"/>
      <c r="G76" s="35" t="str">
        <f>IF(C76=0,"",IF(申請書!$G$8=0,"",申請書!$G$8))</f>
        <v/>
      </c>
      <c r="H76" s="36" t="str">
        <f>IF(C76=0,"",IF(申請書!$G$9=0,"",申請書!$G$9))</f>
        <v/>
      </c>
      <c r="I76" s="36" t="str">
        <f>IF(C76=0,"",IF(申請書!$G$13=0,"",申請書!$G$13))</f>
        <v/>
      </c>
      <c r="J76" s="37" t="str">
        <f>IF(C76=0,"",IF(申請書!$G$14=0,"",申請書!$G$14))</f>
        <v/>
      </c>
      <c r="K76" s="37" t="str">
        <f>IF(C76=0,"",IF(申請書!$G$15=0,"",申請書!$G$15))</f>
        <v/>
      </c>
    </row>
    <row r="77" spans="1:11" ht="19.95" customHeight="1" x14ac:dyDescent="0.2">
      <c r="A77" s="30">
        <v>75</v>
      </c>
      <c r="B77" s="34" t="str">
        <f>IF(C77=0,"",IF(申請書!$G$10=0,"",申請書!$G$10))</f>
        <v/>
      </c>
      <c r="C77" s="2"/>
      <c r="D77" s="2"/>
      <c r="E77" s="2"/>
      <c r="F77" s="31"/>
      <c r="G77" s="35" t="str">
        <f>IF(C77=0,"",IF(申請書!$G$8=0,"",申請書!$G$8))</f>
        <v/>
      </c>
      <c r="H77" s="36" t="str">
        <f>IF(C77=0,"",IF(申請書!$G$9=0,"",申請書!$G$9))</f>
        <v/>
      </c>
      <c r="I77" s="36" t="str">
        <f>IF(C77=0,"",IF(申請書!$G$13=0,"",申請書!$G$13))</f>
        <v/>
      </c>
      <c r="J77" s="37" t="str">
        <f>IF(C77=0,"",IF(申請書!$G$14=0,"",申請書!$G$14))</f>
        <v/>
      </c>
      <c r="K77" s="37" t="str">
        <f>IF(C77=0,"",IF(申請書!$G$15=0,"",申請書!$G$15))</f>
        <v/>
      </c>
    </row>
    <row r="78" spans="1:11" ht="19.95" customHeight="1" x14ac:dyDescent="0.2">
      <c r="A78" s="30">
        <v>76</v>
      </c>
      <c r="B78" s="34" t="str">
        <f>IF(C78=0,"",IF(申請書!$G$10=0,"",申請書!$G$10))</f>
        <v/>
      </c>
      <c r="C78" s="2"/>
      <c r="D78" s="2"/>
      <c r="E78" s="2"/>
      <c r="F78" s="31"/>
      <c r="G78" s="35" t="str">
        <f>IF(C78=0,"",IF(申請書!$G$8=0,"",申請書!$G$8))</f>
        <v/>
      </c>
      <c r="H78" s="36" t="str">
        <f>IF(C78=0,"",IF(申請書!$G$9=0,"",申請書!$G$9))</f>
        <v/>
      </c>
      <c r="I78" s="36" t="str">
        <f>IF(C78=0,"",IF(申請書!$G$13=0,"",申請書!$G$13))</f>
        <v/>
      </c>
      <c r="J78" s="37" t="str">
        <f>IF(C78=0,"",IF(申請書!$G$14=0,"",申請書!$G$14))</f>
        <v/>
      </c>
      <c r="K78" s="37" t="str">
        <f>IF(C78=0,"",IF(申請書!$G$15=0,"",申請書!$G$15))</f>
        <v/>
      </c>
    </row>
    <row r="79" spans="1:11" ht="19.95" customHeight="1" x14ac:dyDescent="0.2">
      <c r="A79" s="30">
        <v>77</v>
      </c>
      <c r="B79" s="34" t="str">
        <f>IF(C79=0,"",IF(申請書!$G$10=0,"",申請書!$G$10))</f>
        <v/>
      </c>
      <c r="C79" s="2"/>
      <c r="D79" s="2"/>
      <c r="E79" s="2"/>
      <c r="F79" s="31"/>
      <c r="G79" s="35" t="str">
        <f>IF(C79=0,"",IF(申請書!$G$8=0,"",申請書!$G$8))</f>
        <v/>
      </c>
      <c r="H79" s="36" t="str">
        <f>IF(C79=0,"",IF(申請書!$G$9=0,"",申請書!$G$9))</f>
        <v/>
      </c>
      <c r="I79" s="36" t="str">
        <f>IF(C79=0,"",IF(申請書!$G$13=0,"",申請書!$G$13))</f>
        <v/>
      </c>
      <c r="J79" s="37" t="str">
        <f>IF(C79=0,"",IF(申請書!$G$14=0,"",申請書!$G$14))</f>
        <v/>
      </c>
      <c r="K79" s="37" t="str">
        <f>IF(C79=0,"",IF(申請書!$G$15=0,"",申請書!$G$15))</f>
        <v/>
      </c>
    </row>
    <row r="80" spans="1:11" ht="19.95" customHeight="1" x14ac:dyDescent="0.2">
      <c r="A80" s="30">
        <v>78</v>
      </c>
      <c r="B80" s="34" t="str">
        <f>IF(C80=0,"",IF(申請書!$G$10=0,"",申請書!$G$10))</f>
        <v/>
      </c>
      <c r="C80" s="2"/>
      <c r="D80" s="2"/>
      <c r="E80" s="2"/>
      <c r="F80" s="31"/>
      <c r="G80" s="35" t="str">
        <f>IF(C80=0,"",IF(申請書!$G$8=0,"",申請書!$G$8))</f>
        <v/>
      </c>
      <c r="H80" s="36" t="str">
        <f>IF(C80=0,"",IF(申請書!$G$9=0,"",申請書!$G$9))</f>
        <v/>
      </c>
      <c r="I80" s="36" t="str">
        <f>IF(C80=0,"",IF(申請書!$G$13=0,"",申請書!$G$13))</f>
        <v/>
      </c>
      <c r="J80" s="37" t="str">
        <f>IF(C80=0,"",IF(申請書!$G$14=0,"",申請書!$G$14))</f>
        <v/>
      </c>
      <c r="K80" s="37" t="str">
        <f>IF(C80=0,"",IF(申請書!$G$15=0,"",申請書!$G$15))</f>
        <v/>
      </c>
    </row>
    <row r="81" spans="1:11" ht="19.95" customHeight="1" x14ac:dyDescent="0.2">
      <c r="A81" s="30">
        <v>79</v>
      </c>
      <c r="B81" s="34" t="str">
        <f>IF(C81=0,"",IF(申請書!$G$10=0,"",申請書!$G$10))</f>
        <v/>
      </c>
      <c r="C81" s="2"/>
      <c r="D81" s="2"/>
      <c r="E81" s="2"/>
      <c r="F81" s="31"/>
      <c r="G81" s="35" t="str">
        <f>IF(C81=0,"",IF(申請書!$G$8=0,"",申請書!$G$8))</f>
        <v/>
      </c>
      <c r="H81" s="36" t="str">
        <f>IF(C81=0,"",IF(申請書!$G$9=0,"",申請書!$G$9))</f>
        <v/>
      </c>
      <c r="I81" s="36" t="str">
        <f>IF(C81=0,"",IF(申請書!$G$13=0,"",申請書!$G$13))</f>
        <v/>
      </c>
      <c r="J81" s="37" t="str">
        <f>IF(C81=0,"",IF(申請書!$G$14=0,"",申請書!$G$14))</f>
        <v/>
      </c>
      <c r="K81" s="37" t="str">
        <f>IF(C81=0,"",IF(申請書!$G$15=0,"",申請書!$G$15))</f>
        <v/>
      </c>
    </row>
    <row r="82" spans="1:11" ht="19.95" customHeight="1" x14ac:dyDescent="0.2">
      <c r="A82" s="30">
        <v>80</v>
      </c>
      <c r="B82" s="34" t="str">
        <f>IF(C82=0,"",IF(申請書!$G$10=0,"",申請書!$G$10))</f>
        <v/>
      </c>
      <c r="C82" s="2"/>
      <c r="D82" s="2"/>
      <c r="E82" s="2"/>
      <c r="F82" s="31"/>
      <c r="G82" s="35" t="str">
        <f>IF(C82=0,"",IF(申請書!$G$8=0,"",申請書!$G$8))</f>
        <v/>
      </c>
      <c r="H82" s="36" t="str">
        <f>IF(C82=0,"",IF(申請書!$G$9=0,"",申請書!$G$9))</f>
        <v/>
      </c>
      <c r="I82" s="36" t="str">
        <f>IF(C82=0,"",IF(申請書!$G$13=0,"",申請書!$G$13))</f>
        <v/>
      </c>
      <c r="J82" s="37" t="str">
        <f>IF(C82=0,"",IF(申請書!$G$14=0,"",申請書!$G$14))</f>
        <v/>
      </c>
      <c r="K82" s="37" t="str">
        <f>IF(C82=0,"",IF(申請書!$G$15=0,"",申請書!$G$15))</f>
        <v/>
      </c>
    </row>
    <row r="83" spans="1:11" ht="19.95" customHeight="1" x14ac:dyDescent="0.2">
      <c r="A83" s="30">
        <v>81</v>
      </c>
      <c r="B83" s="34" t="str">
        <f>IF(C83=0,"",IF(申請書!$G$10=0,"",申請書!$G$10))</f>
        <v/>
      </c>
      <c r="C83" s="2"/>
      <c r="D83" s="2"/>
      <c r="E83" s="2"/>
      <c r="F83" s="31"/>
      <c r="G83" s="35" t="str">
        <f>IF(C83=0,"",IF(申請書!$G$8=0,"",申請書!$G$8))</f>
        <v/>
      </c>
      <c r="H83" s="36" t="str">
        <f>IF(C83=0,"",IF(申請書!$G$9=0,"",申請書!$G$9))</f>
        <v/>
      </c>
      <c r="I83" s="36" t="str">
        <f>IF(C83=0,"",IF(申請書!$G$13=0,"",申請書!$G$13))</f>
        <v/>
      </c>
      <c r="J83" s="37" t="str">
        <f>IF(C83=0,"",IF(申請書!$G$14=0,"",申請書!$G$14))</f>
        <v/>
      </c>
      <c r="K83" s="37" t="str">
        <f>IF(C83=0,"",IF(申請書!$G$15=0,"",申請書!$G$15))</f>
        <v/>
      </c>
    </row>
    <row r="84" spans="1:11" ht="19.95" customHeight="1" x14ac:dyDescent="0.2">
      <c r="A84" s="30">
        <v>82</v>
      </c>
      <c r="B84" s="34" t="str">
        <f>IF(C84=0,"",IF(申請書!$G$10=0,"",申請書!$G$10))</f>
        <v/>
      </c>
      <c r="C84" s="2"/>
      <c r="D84" s="2"/>
      <c r="E84" s="2"/>
      <c r="F84" s="31"/>
      <c r="G84" s="35" t="str">
        <f>IF(C84=0,"",IF(申請書!$G$8=0,"",申請書!$G$8))</f>
        <v/>
      </c>
      <c r="H84" s="36" t="str">
        <f>IF(C84=0,"",IF(申請書!$G$9=0,"",申請書!$G$9))</f>
        <v/>
      </c>
      <c r="I84" s="36" t="str">
        <f>IF(C84=0,"",IF(申請書!$G$13=0,"",申請書!$G$13))</f>
        <v/>
      </c>
      <c r="J84" s="37" t="str">
        <f>IF(C84=0,"",IF(申請書!$G$14=0,"",申請書!$G$14))</f>
        <v/>
      </c>
      <c r="K84" s="37" t="str">
        <f>IF(C84=0,"",IF(申請書!$G$15=0,"",申請書!$G$15))</f>
        <v/>
      </c>
    </row>
    <row r="85" spans="1:11" ht="19.95" customHeight="1" x14ac:dyDescent="0.2">
      <c r="A85" s="30">
        <v>83</v>
      </c>
      <c r="B85" s="34" t="str">
        <f>IF(C85=0,"",IF(申請書!$G$10=0,"",申請書!$G$10))</f>
        <v/>
      </c>
      <c r="C85" s="2"/>
      <c r="D85" s="2"/>
      <c r="E85" s="2"/>
      <c r="F85" s="31"/>
      <c r="G85" s="35" t="str">
        <f>IF(C85=0,"",IF(申請書!$G$8=0,"",申請書!$G$8))</f>
        <v/>
      </c>
      <c r="H85" s="36" t="str">
        <f>IF(C85=0,"",IF(申請書!$G$9=0,"",申請書!$G$9))</f>
        <v/>
      </c>
      <c r="I85" s="36" t="str">
        <f>IF(C85=0,"",IF(申請書!$G$13=0,"",申請書!$G$13))</f>
        <v/>
      </c>
      <c r="J85" s="37" t="str">
        <f>IF(C85=0,"",IF(申請書!$G$14=0,"",申請書!$G$14))</f>
        <v/>
      </c>
      <c r="K85" s="37" t="str">
        <f>IF(C85=0,"",IF(申請書!$G$15=0,"",申請書!$G$15))</f>
        <v/>
      </c>
    </row>
    <row r="86" spans="1:11" ht="19.95" customHeight="1" x14ac:dyDescent="0.2">
      <c r="A86" s="30">
        <v>84</v>
      </c>
      <c r="B86" s="34" t="str">
        <f>IF(C86=0,"",IF(申請書!$G$10=0,"",申請書!$G$10))</f>
        <v/>
      </c>
      <c r="C86" s="2"/>
      <c r="D86" s="2"/>
      <c r="E86" s="2"/>
      <c r="F86" s="31"/>
      <c r="G86" s="35" t="str">
        <f>IF(C86=0,"",IF(申請書!$G$8=0,"",申請書!$G$8))</f>
        <v/>
      </c>
      <c r="H86" s="36" t="str">
        <f>IF(C86=0,"",IF(申請書!$G$9=0,"",申請書!$G$9))</f>
        <v/>
      </c>
      <c r="I86" s="36" t="str">
        <f>IF(C86=0,"",IF(申請書!$G$13=0,"",申請書!$G$13))</f>
        <v/>
      </c>
      <c r="J86" s="37" t="str">
        <f>IF(C86=0,"",IF(申請書!$G$14=0,"",申請書!$G$14))</f>
        <v/>
      </c>
      <c r="K86" s="37" t="str">
        <f>IF(C86=0,"",IF(申請書!$G$15=0,"",申請書!$G$15))</f>
        <v/>
      </c>
    </row>
    <row r="87" spans="1:11" ht="19.95" customHeight="1" x14ac:dyDescent="0.2">
      <c r="A87" s="30">
        <v>85</v>
      </c>
      <c r="B87" s="34" t="str">
        <f>IF(C87=0,"",IF(申請書!$G$10=0,"",申請書!$G$10))</f>
        <v/>
      </c>
      <c r="C87" s="2"/>
      <c r="D87" s="2"/>
      <c r="E87" s="2"/>
      <c r="F87" s="31"/>
      <c r="G87" s="35" t="str">
        <f>IF(C87=0,"",IF(申請書!$G$8=0,"",申請書!$G$8))</f>
        <v/>
      </c>
      <c r="H87" s="36" t="str">
        <f>IF(C87=0,"",IF(申請書!$G$9=0,"",申請書!$G$9))</f>
        <v/>
      </c>
      <c r="I87" s="36" t="str">
        <f>IF(C87=0,"",IF(申請書!$G$13=0,"",申請書!$G$13))</f>
        <v/>
      </c>
      <c r="J87" s="37" t="str">
        <f>IF(C87=0,"",IF(申請書!$G$14=0,"",申請書!$G$14))</f>
        <v/>
      </c>
      <c r="K87" s="37" t="str">
        <f>IF(C87=0,"",IF(申請書!$G$15=0,"",申請書!$G$15))</f>
        <v/>
      </c>
    </row>
    <row r="88" spans="1:11" ht="19.95" customHeight="1" x14ac:dyDescent="0.2">
      <c r="A88" s="30">
        <v>86</v>
      </c>
      <c r="B88" s="34" t="str">
        <f>IF(C88=0,"",IF(申請書!$G$10=0,"",申請書!$G$10))</f>
        <v/>
      </c>
      <c r="C88" s="2"/>
      <c r="D88" s="2"/>
      <c r="E88" s="2"/>
      <c r="F88" s="31"/>
      <c r="G88" s="35" t="str">
        <f>IF(C88=0,"",IF(申請書!$G$8=0,"",申請書!$G$8))</f>
        <v/>
      </c>
      <c r="H88" s="36" t="str">
        <f>IF(C88=0,"",IF(申請書!$G$9=0,"",申請書!$G$9))</f>
        <v/>
      </c>
      <c r="I88" s="36" t="str">
        <f>IF(C88=0,"",IF(申請書!$G$13=0,"",申請書!$G$13))</f>
        <v/>
      </c>
      <c r="J88" s="37" t="str">
        <f>IF(C88=0,"",IF(申請書!$G$14=0,"",申請書!$G$14))</f>
        <v/>
      </c>
      <c r="K88" s="37" t="str">
        <f>IF(C88=0,"",IF(申請書!$G$15=0,"",申請書!$G$15))</f>
        <v/>
      </c>
    </row>
    <row r="89" spans="1:11" ht="19.95" customHeight="1" x14ac:dyDescent="0.2">
      <c r="A89" s="30">
        <v>87</v>
      </c>
      <c r="B89" s="34" t="str">
        <f>IF(C89=0,"",IF(申請書!$G$10=0,"",申請書!$G$10))</f>
        <v/>
      </c>
      <c r="C89" s="2"/>
      <c r="D89" s="2"/>
      <c r="E89" s="2"/>
      <c r="F89" s="31"/>
      <c r="G89" s="35" t="str">
        <f>IF(C89=0,"",IF(申請書!$G$8=0,"",申請書!$G$8))</f>
        <v/>
      </c>
      <c r="H89" s="36" t="str">
        <f>IF(C89=0,"",IF(申請書!$G$9=0,"",申請書!$G$9))</f>
        <v/>
      </c>
      <c r="I89" s="36" t="str">
        <f>IF(C89=0,"",IF(申請書!$G$13=0,"",申請書!$G$13))</f>
        <v/>
      </c>
      <c r="J89" s="37" t="str">
        <f>IF(C89=0,"",IF(申請書!$G$14=0,"",申請書!$G$14))</f>
        <v/>
      </c>
      <c r="K89" s="37" t="str">
        <f>IF(C89=0,"",IF(申請書!$G$15=0,"",申請書!$G$15))</f>
        <v/>
      </c>
    </row>
    <row r="90" spans="1:11" ht="19.95" customHeight="1" x14ac:dyDescent="0.2">
      <c r="A90" s="30">
        <v>88</v>
      </c>
      <c r="B90" s="34" t="str">
        <f>IF(C90=0,"",IF(申請書!$G$10=0,"",申請書!$G$10))</f>
        <v/>
      </c>
      <c r="C90" s="2"/>
      <c r="D90" s="2"/>
      <c r="E90" s="2"/>
      <c r="F90" s="31"/>
      <c r="G90" s="35" t="str">
        <f>IF(C90=0,"",IF(申請書!$G$8=0,"",申請書!$G$8))</f>
        <v/>
      </c>
      <c r="H90" s="36" t="str">
        <f>IF(C90=0,"",IF(申請書!$G$9=0,"",申請書!$G$9))</f>
        <v/>
      </c>
      <c r="I90" s="36" t="str">
        <f>IF(C90=0,"",IF(申請書!$G$13=0,"",申請書!$G$13))</f>
        <v/>
      </c>
      <c r="J90" s="37" t="str">
        <f>IF(C90=0,"",IF(申請書!$G$14=0,"",申請書!$G$14))</f>
        <v/>
      </c>
      <c r="K90" s="37" t="str">
        <f>IF(C90=0,"",IF(申請書!$G$15=0,"",申請書!$G$15))</f>
        <v/>
      </c>
    </row>
    <row r="91" spans="1:11" ht="19.95" customHeight="1" x14ac:dyDescent="0.2">
      <c r="A91" s="30">
        <v>89</v>
      </c>
      <c r="B91" s="34" t="str">
        <f>IF(C91=0,"",IF(申請書!$G$10=0,"",申請書!$G$10))</f>
        <v/>
      </c>
      <c r="C91" s="2"/>
      <c r="D91" s="2"/>
      <c r="E91" s="2"/>
      <c r="F91" s="31"/>
      <c r="G91" s="35" t="str">
        <f>IF(C91=0,"",IF(申請書!$G$8=0,"",申請書!$G$8))</f>
        <v/>
      </c>
      <c r="H91" s="36" t="str">
        <f>IF(C91=0,"",IF(申請書!$G$9=0,"",申請書!$G$9))</f>
        <v/>
      </c>
      <c r="I91" s="36" t="str">
        <f>IF(C91=0,"",IF(申請書!$G$13=0,"",申請書!$G$13))</f>
        <v/>
      </c>
      <c r="J91" s="37" t="str">
        <f>IF(C91=0,"",IF(申請書!$G$14=0,"",申請書!$G$14))</f>
        <v/>
      </c>
      <c r="K91" s="37" t="str">
        <f>IF(C91=0,"",IF(申請書!$G$15=0,"",申請書!$G$15))</f>
        <v/>
      </c>
    </row>
    <row r="92" spans="1:11" ht="19.95" customHeight="1" x14ac:dyDescent="0.2">
      <c r="A92" s="30">
        <v>90</v>
      </c>
      <c r="B92" s="34" t="str">
        <f>IF(C92=0,"",IF(申請書!$G$10=0,"",申請書!$G$10))</f>
        <v/>
      </c>
      <c r="C92" s="2"/>
      <c r="D92" s="2"/>
      <c r="E92" s="2"/>
      <c r="F92" s="31"/>
      <c r="G92" s="35" t="str">
        <f>IF(C92=0,"",IF(申請書!$G$8=0,"",申請書!$G$8))</f>
        <v/>
      </c>
      <c r="H92" s="36" t="str">
        <f>IF(C92=0,"",IF(申請書!$G$9=0,"",申請書!$G$9))</f>
        <v/>
      </c>
      <c r="I92" s="36" t="str">
        <f>IF(C92=0,"",IF(申請書!$G$13=0,"",申請書!$G$13))</f>
        <v/>
      </c>
      <c r="J92" s="37" t="str">
        <f>IF(C92=0,"",IF(申請書!$G$14=0,"",申請書!$G$14))</f>
        <v/>
      </c>
      <c r="K92" s="37" t="str">
        <f>IF(C92=0,"",IF(申請書!$G$15=0,"",申請書!$G$15))</f>
        <v/>
      </c>
    </row>
    <row r="93" spans="1:11" ht="19.95" customHeight="1" x14ac:dyDescent="0.2">
      <c r="A93" s="30">
        <v>91</v>
      </c>
      <c r="B93" s="34" t="str">
        <f>IF(C93=0,"",IF(申請書!$G$10=0,"",申請書!$G$10))</f>
        <v/>
      </c>
      <c r="C93" s="2"/>
      <c r="D93" s="2"/>
      <c r="E93" s="2"/>
      <c r="F93" s="31"/>
      <c r="G93" s="35" t="str">
        <f>IF(C93=0,"",IF(申請書!$G$8=0,"",申請書!$G$8))</f>
        <v/>
      </c>
      <c r="H93" s="36" t="str">
        <f>IF(C93=0,"",IF(申請書!$G$9=0,"",申請書!$G$9))</f>
        <v/>
      </c>
      <c r="I93" s="36" t="str">
        <f>IF(C93=0,"",IF(申請書!$G$13=0,"",申請書!$G$13))</f>
        <v/>
      </c>
      <c r="J93" s="37" t="str">
        <f>IF(C93=0,"",IF(申請書!$G$14=0,"",申請書!$G$14))</f>
        <v/>
      </c>
      <c r="K93" s="37" t="str">
        <f>IF(C93=0,"",IF(申請書!$G$15=0,"",申請書!$G$15))</f>
        <v/>
      </c>
    </row>
    <row r="94" spans="1:11" ht="19.95" customHeight="1" x14ac:dyDescent="0.2">
      <c r="A94" s="30">
        <v>92</v>
      </c>
      <c r="B94" s="34" t="str">
        <f>IF(C94=0,"",IF(申請書!$G$10=0,"",申請書!$G$10))</f>
        <v/>
      </c>
      <c r="C94" s="2"/>
      <c r="D94" s="2"/>
      <c r="E94" s="2"/>
      <c r="F94" s="31"/>
      <c r="G94" s="35" t="str">
        <f>IF(C94=0,"",IF(申請書!$G$8=0,"",申請書!$G$8))</f>
        <v/>
      </c>
      <c r="H94" s="36" t="str">
        <f>IF(C94=0,"",IF(申請書!$G$9=0,"",申請書!$G$9))</f>
        <v/>
      </c>
      <c r="I94" s="36" t="str">
        <f>IF(C94=0,"",IF(申請書!$G$13=0,"",申請書!$G$13))</f>
        <v/>
      </c>
      <c r="J94" s="37" t="str">
        <f>IF(C94=0,"",IF(申請書!$G$14=0,"",申請書!$G$14))</f>
        <v/>
      </c>
      <c r="K94" s="37" t="str">
        <f>IF(C94=0,"",IF(申請書!$G$15=0,"",申請書!$G$15))</f>
        <v/>
      </c>
    </row>
    <row r="95" spans="1:11" ht="19.95" customHeight="1" x14ac:dyDescent="0.2">
      <c r="A95" s="30">
        <v>93</v>
      </c>
      <c r="B95" s="34" t="str">
        <f>IF(C95=0,"",IF(申請書!$G$10=0,"",申請書!$G$10))</f>
        <v/>
      </c>
      <c r="C95" s="2"/>
      <c r="D95" s="2"/>
      <c r="E95" s="2"/>
      <c r="F95" s="31"/>
      <c r="G95" s="35" t="str">
        <f>IF(C95=0,"",IF(申請書!$G$8=0,"",申請書!$G$8))</f>
        <v/>
      </c>
      <c r="H95" s="36" t="str">
        <f>IF(C95=0,"",IF(申請書!$G$9=0,"",申請書!$G$9))</f>
        <v/>
      </c>
      <c r="I95" s="36" t="str">
        <f>IF(C95=0,"",IF(申請書!$G$13=0,"",申請書!$G$13))</f>
        <v/>
      </c>
      <c r="J95" s="37" t="str">
        <f>IF(C95=0,"",IF(申請書!$G$14=0,"",申請書!$G$14))</f>
        <v/>
      </c>
      <c r="K95" s="37" t="str">
        <f>IF(C95=0,"",IF(申請書!$G$15=0,"",申請書!$G$15))</f>
        <v/>
      </c>
    </row>
    <row r="96" spans="1:11" ht="19.95" customHeight="1" x14ac:dyDescent="0.2">
      <c r="A96" s="30">
        <v>94</v>
      </c>
      <c r="B96" s="34" t="str">
        <f>IF(C96=0,"",IF(申請書!$G$10=0,"",申請書!$G$10))</f>
        <v/>
      </c>
      <c r="C96" s="2"/>
      <c r="D96" s="2"/>
      <c r="E96" s="2"/>
      <c r="F96" s="31"/>
      <c r="G96" s="35" t="str">
        <f>IF(C96=0,"",IF(申請書!$G$8=0,"",申請書!$G$8))</f>
        <v/>
      </c>
      <c r="H96" s="36" t="str">
        <f>IF(C96=0,"",IF(申請書!$G$9=0,"",申請書!$G$9))</f>
        <v/>
      </c>
      <c r="I96" s="36" t="str">
        <f>IF(C96=0,"",IF(申請書!$G$13=0,"",申請書!$G$13))</f>
        <v/>
      </c>
      <c r="J96" s="37" t="str">
        <f>IF(C96=0,"",IF(申請書!$G$14=0,"",申請書!$G$14))</f>
        <v/>
      </c>
      <c r="K96" s="37" t="str">
        <f>IF(C96=0,"",IF(申請書!$G$15=0,"",申請書!$G$15))</f>
        <v/>
      </c>
    </row>
    <row r="97" spans="1:11" ht="19.95" customHeight="1" x14ac:dyDescent="0.2">
      <c r="A97" s="30">
        <v>95</v>
      </c>
      <c r="B97" s="34" t="str">
        <f>IF(C97=0,"",IF(申請書!$G$10=0,"",申請書!$G$10))</f>
        <v/>
      </c>
      <c r="C97" s="2"/>
      <c r="D97" s="2"/>
      <c r="E97" s="2"/>
      <c r="F97" s="31"/>
      <c r="G97" s="35" t="str">
        <f>IF(C97=0,"",IF(申請書!$G$8=0,"",申請書!$G$8))</f>
        <v/>
      </c>
      <c r="H97" s="36" t="str">
        <f>IF(C97=0,"",IF(申請書!$G$9=0,"",申請書!$G$9))</f>
        <v/>
      </c>
      <c r="I97" s="36" t="str">
        <f>IF(C97=0,"",IF(申請書!$G$13=0,"",申請書!$G$13))</f>
        <v/>
      </c>
      <c r="J97" s="37" t="str">
        <f>IF(C97=0,"",IF(申請書!$G$14=0,"",申請書!$G$14))</f>
        <v/>
      </c>
      <c r="K97" s="37" t="str">
        <f>IF(C97=0,"",IF(申請書!$G$15=0,"",申請書!$G$15))</f>
        <v/>
      </c>
    </row>
    <row r="98" spans="1:11" ht="19.95" customHeight="1" x14ac:dyDescent="0.2">
      <c r="A98" s="30">
        <v>96</v>
      </c>
      <c r="B98" s="34" t="str">
        <f>IF(C98=0,"",IF(申請書!$G$10=0,"",申請書!$G$10))</f>
        <v/>
      </c>
      <c r="C98" s="2"/>
      <c r="D98" s="2"/>
      <c r="E98" s="2"/>
      <c r="F98" s="31"/>
      <c r="G98" s="35" t="str">
        <f>IF(C98=0,"",IF(申請書!$G$8=0,"",申請書!$G$8))</f>
        <v/>
      </c>
      <c r="H98" s="36" t="str">
        <f>IF(C98=0,"",IF(申請書!$G$9=0,"",申請書!$G$9))</f>
        <v/>
      </c>
      <c r="I98" s="36" t="str">
        <f>IF(C98=0,"",IF(申請書!$G$13=0,"",申請書!$G$13))</f>
        <v/>
      </c>
      <c r="J98" s="37" t="str">
        <f>IF(C98=0,"",IF(申請書!$G$14=0,"",申請書!$G$14))</f>
        <v/>
      </c>
      <c r="K98" s="37" t="str">
        <f>IF(C98=0,"",IF(申請書!$G$15=0,"",申請書!$G$15))</f>
        <v/>
      </c>
    </row>
    <row r="99" spans="1:11" ht="19.95" customHeight="1" x14ac:dyDescent="0.2">
      <c r="A99" s="30">
        <v>97</v>
      </c>
      <c r="B99" s="34" t="str">
        <f>IF(C99=0,"",IF(申請書!$G$10=0,"",申請書!$G$10))</f>
        <v/>
      </c>
      <c r="C99" s="2"/>
      <c r="D99" s="2"/>
      <c r="E99" s="2"/>
      <c r="F99" s="31"/>
      <c r="G99" s="35" t="str">
        <f>IF(C99=0,"",IF(申請書!$G$8=0,"",申請書!$G$8))</f>
        <v/>
      </c>
      <c r="H99" s="36" t="str">
        <f>IF(C99=0,"",IF(申請書!$G$9=0,"",申請書!$G$9))</f>
        <v/>
      </c>
      <c r="I99" s="36" t="str">
        <f>IF(C99=0,"",IF(申請書!$G$13=0,"",申請書!$G$13))</f>
        <v/>
      </c>
      <c r="J99" s="37" t="str">
        <f>IF(C99=0,"",IF(申請書!$G$14=0,"",申請書!$G$14))</f>
        <v/>
      </c>
      <c r="K99" s="37" t="str">
        <f>IF(C99=0,"",IF(申請書!$G$15=0,"",申請書!$G$15))</f>
        <v/>
      </c>
    </row>
    <row r="100" spans="1:11" ht="19.95" customHeight="1" x14ac:dyDescent="0.2">
      <c r="A100" s="30">
        <v>98</v>
      </c>
      <c r="B100" s="34" t="str">
        <f>IF(C100=0,"",IF(申請書!$G$10=0,"",申請書!$G$10))</f>
        <v/>
      </c>
      <c r="C100" s="2"/>
      <c r="D100" s="2"/>
      <c r="E100" s="2"/>
      <c r="F100" s="31"/>
      <c r="G100" s="35" t="str">
        <f>IF(C100=0,"",IF(申請書!$G$8=0,"",申請書!$G$8))</f>
        <v/>
      </c>
      <c r="H100" s="36" t="str">
        <f>IF(C100=0,"",IF(申請書!$G$9=0,"",申請書!$G$9))</f>
        <v/>
      </c>
      <c r="I100" s="36" t="str">
        <f>IF(C100=0,"",IF(申請書!$G$13=0,"",申請書!$G$13))</f>
        <v/>
      </c>
      <c r="J100" s="37" t="str">
        <f>IF(C100=0,"",IF(申請書!$G$14=0,"",申請書!$G$14))</f>
        <v/>
      </c>
      <c r="K100" s="37" t="str">
        <f>IF(C100=0,"",IF(申請書!$G$15=0,"",申請書!$G$15))</f>
        <v/>
      </c>
    </row>
    <row r="101" spans="1:11" ht="19.95" customHeight="1" x14ac:dyDescent="0.2">
      <c r="A101" s="30">
        <v>99</v>
      </c>
      <c r="B101" s="34" t="str">
        <f>IF(C101=0,"",IF(申請書!$G$10=0,"",申請書!$G$10))</f>
        <v/>
      </c>
      <c r="C101" s="2"/>
      <c r="D101" s="2"/>
      <c r="E101" s="2"/>
      <c r="F101" s="31"/>
      <c r="G101" s="35" t="str">
        <f>IF(C101=0,"",IF(申請書!$G$8=0,"",申請書!$G$8))</f>
        <v/>
      </c>
      <c r="H101" s="36" t="str">
        <f>IF(C101=0,"",IF(申請書!$G$9=0,"",申請書!$G$9))</f>
        <v/>
      </c>
      <c r="I101" s="36" t="str">
        <f>IF(C101=0,"",IF(申請書!$G$13=0,"",申請書!$G$13))</f>
        <v/>
      </c>
      <c r="J101" s="37" t="str">
        <f>IF(C101=0,"",IF(申請書!$G$14=0,"",申請書!$G$14))</f>
        <v/>
      </c>
      <c r="K101" s="37" t="str">
        <f>IF(C101=0,"",IF(申請書!$G$15=0,"",申請書!$G$15))</f>
        <v/>
      </c>
    </row>
  </sheetData>
  <sheetProtection algorithmName="SHA-512" hashValue="Wplmr27Xxm/DJv7lP//o8Q6jT7SeVwnXgZT054kdTlB3+aQh4LDDiElmGxHvflDuZb12XLspxTFF+8U9Huh0SA==" saltValue="24mdPkwID9uG0ddvoc3sTQ==" spinCount="100000" sheet="1" objects="1" scenarios="1" selectLockedCells="1"/>
  <mergeCells count="1">
    <mergeCell ref="A1:D1"/>
  </mergeCells>
  <phoneticPr fontId="1"/>
  <dataValidations count="3">
    <dataValidation type="list" allowBlank="1" showInputMessage="1" showErrorMessage="1" sqref="E3:E101">
      <formula1>"月1未満,月1以上,月2以上,週1以上"</formula1>
    </dataValidation>
    <dataValidation imeMode="halfKatakana" allowBlank="1" showInputMessage="1" showErrorMessage="1" sqref="G3:G101 D3:D101"/>
    <dataValidation imeMode="disabled" allowBlank="1" showInputMessage="1" showErrorMessage="1" sqref="J3:K101 D2"/>
  </dataValidation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38"/>
  <sheetViews>
    <sheetView view="pageBreakPreview" zoomScaleNormal="100" zoomScaleSheetLayoutView="100" workbookViewId="0">
      <selection activeCell="B24" sqref="B24"/>
    </sheetView>
  </sheetViews>
  <sheetFormatPr defaultColWidth="10.77734375" defaultRowHeight="13.2" x14ac:dyDescent="0.2"/>
  <cols>
    <col min="1" max="3" width="4.77734375" style="38" customWidth="1"/>
    <col min="4" max="4" width="10.77734375" style="38" customWidth="1"/>
    <col min="5" max="6" width="10.77734375" style="38"/>
    <col min="7" max="7" width="6.77734375" style="38" customWidth="1"/>
    <col min="8" max="15" width="4.77734375" style="38" customWidth="1"/>
    <col min="16" max="16" width="10.77734375" style="40"/>
    <col min="17" max="16384" width="10.77734375" style="38"/>
  </cols>
  <sheetData>
    <row r="1" spans="1:25" ht="19.95" customHeight="1" x14ac:dyDescent="0.2">
      <c r="N1" s="39" t="s">
        <v>10</v>
      </c>
    </row>
    <row r="2" spans="1:25" ht="19.95" customHeight="1" x14ac:dyDescent="0.2">
      <c r="A2" s="107" t="s">
        <v>0</v>
      </c>
      <c r="B2" s="107"/>
      <c r="C2" s="107"/>
      <c r="D2" s="107"/>
      <c r="E2" s="107"/>
      <c r="F2" s="107"/>
      <c r="G2" s="107"/>
      <c r="H2" s="107"/>
      <c r="I2" s="107"/>
      <c r="J2" s="107"/>
      <c r="K2" s="107"/>
      <c r="L2" s="107"/>
      <c r="M2" s="107"/>
      <c r="N2" s="107"/>
    </row>
    <row r="4" spans="1:25" ht="19.95" customHeight="1" x14ac:dyDescent="0.2">
      <c r="G4" s="41" t="s">
        <v>14</v>
      </c>
      <c r="H4" s="42">
        <v>5</v>
      </c>
      <c r="I4" s="41" t="s">
        <v>13</v>
      </c>
      <c r="J4" s="42">
        <v>6</v>
      </c>
      <c r="K4" s="41" t="s">
        <v>12</v>
      </c>
      <c r="L4" s="42">
        <v>7</v>
      </c>
      <c r="M4" s="41" t="s">
        <v>11</v>
      </c>
      <c r="P4" s="43" t="s">
        <v>31</v>
      </c>
    </row>
    <row r="6" spans="1:25" ht="19.95" customHeight="1" x14ac:dyDescent="0.2">
      <c r="A6" s="38" t="s">
        <v>17</v>
      </c>
    </row>
    <row r="8" spans="1:25" ht="19.95" customHeight="1" x14ac:dyDescent="0.2">
      <c r="F8" s="44" t="s">
        <v>1</v>
      </c>
      <c r="G8" s="132" t="s">
        <v>58</v>
      </c>
      <c r="H8" s="132"/>
      <c r="I8" s="132"/>
      <c r="J8" s="132"/>
      <c r="K8" s="132"/>
      <c r="L8" s="132"/>
      <c r="M8" s="132"/>
      <c r="N8" s="132"/>
    </row>
    <row r="9" spans="1:25" ht="19.95" customHeight="1" x14ac:dyDescent="0.2">
      <c r="F9" s="44" t="s">
        <v>2</v>
      </c>
      <c r="G9" s="138" t="s">
        <v>52</v>
      </c>
      <c r="H9" s="138"/>
      <c r="I9" s="138"/>
      <c r="J9" s="138"/>
      <c r="K9" s="138"/>
      <c r="L9" s="138"/>
      <c r="M9" s="138"/>
      <c r="N9" s="138"/>
    </row>
    <row r="10" spans="1:25" ht="19.95" customHeight="1" x14ac:dyDescent="0.2">
      <c r="F10" s="44" t="s">
        <v>22</v>
      </c>
      <c r="G10" s="138" t="s">
        <v>53</v>
      </c>
      <c r="H10" s="138"/>
      <c r="I10" s="138"/>
      <c r="J10" s="138"/>
      <c r="K10" s="138"/>
      <c r="L10" s="138"/>
      <c r="M10" s="138"/>
      <c r="N10" s="138"/>
    </row>
    <row r="11" spans="1:25" ht="19.95" customHeight="1" x14ac:dyDescent="0.2">
      <c r="F11" s="44" t="s">
        <v>38</v>
      </c>
      <c r="G11" s="139" t="s">
        <v>33</v>
      </c>
      <c r="H11" s="139"/>
      <c r="I11" s="139"/>
      <c r="J11" s="139"/>
      <c r="K11" s="139"/>
      <c r="L11" s="139"/>
      <c r="M11" s="111" t="s">
        <v>15</v>
      </c>
      <c r="N11" s="111"/>
      <c r="P11" s="45" t="s">
        <v>40</v>
      </c>
      <c r="Q11" s="46"/>
      <c r="R11" s="46"/>
      <c r="S11" s="46"/>
      <c r="T11" s="46"/>
      <c r="U11" s="47"/>
      <c r="V11" s="47"/>
      <c r="W11" s="47"/>
      <c r="X11" s="47"/>
      <c r="Y11" s="47"/>
    </row>
    <row r="12" spans="1:25" x14ac:dyDescent="0.2">
      <c r="P12" s="46"/>
      <c r="Q12" s="46"/>
      <c r="R12" s="46"/>
      <c r="S12" s="46"/>
      <c r="T12" s="46"/>
      <c r="U12" s="47"/>
      <c r="V12" s="47"/>
      <c r="W12" s="47"/>
      <c r="X12" s="47"/>
      <c r="Y12" s="47"/>
    </row>
    <row r="13" spans="1:25" ht="19.95" customHeight="1" x14ac:dyDescent="0.2">
      <c r="F13" s="44" t="s">
        <v>4</v>
      </c>
      <c r="G13" s="129" t="s">
        <v>54</v>
      </c>
      <c r="H13" s="129"/>
      <c r="I13" s="129"/>
      <c r="J13" s="129"/>
      <c r="K13" s="129"/>
      <c r="L13" s="129"/>
      <c r="M13" s="129"/>
      <c r="N13" s="129"/>
      <c r="P13" s="45" t="s">
        <v>45</v>
      </c>
      <c r="Q13" s="46"/>
      <c r="R13" s="46"/>
      <c r="S13" s="46"/>
      <c r="T13" s="46"/>
      <c r="U13" s="47"/>
      <c r="V13" s="47"/>
      <c r="W13" s="47"/>
      <c r="X13" s="47"/>
      <c r="Y13" s="47"/>
    </row>
    <row r="14" spans="1:25" ht="19.95" customHeight="1" x14ac:dyDescent="0.2">
      <c r="F14" s="48" t="s">
        <v>5</v>
      </c>
      <c r="G14" s="130" t="s">
        <v>55</v>
      </c>
      <c r="H14" s="131"/>
      <c r="I14" s="131"/>
      <c r="J14" s="131"/>
      <c r="K14" s="131"/>
      <c r="L14" s="131"/>
      <c r="M14" s="131"/>
      <c r="N14" s="131"/>
      <c r="P14" s="45" t="s">
        <v>51</v>
      </c>
    </row>
    <row r="15" spans="1:25" ht="19.95" customHeight="1" x14ac:dyDescent="0.2">
      <c r="F15" s="44" t="s">
        <v>3</v>
      </c>
      <c r="G15" s="132" t="s">
        <v>56</v>
      </c>
      <c r="H15" s="132"/>
      <c r="I15" s="132"/>
      <c r="J15" s="132"/>
      <c r="K15" s="132"/>
      <c r="L15" s="132"/>
      <c r="M15" s="132"/>
      <c r="N15" s="132"/>
    </row>
    <row r="17" spans="1:25" ht="19.95" customHeight="1" x14ac:dyDescent="0.2">
      <c r="A17" s="38" t="s">
        <v>16</v>
      </c>
    </row>
    <row r="19" spans="1:25" ht="19.95" customHeight="1" thickBot="1" x14ac:dyDescent="0.25">
      <c r="A19" s="40" t="s">
        <v>6</v>
      </c>
      <c r="P19" s="45" t="s">
        <v>46</v>
      </c>
    </row>
    <row r="20" spans="1:25" ht="60" customHeight="1" thickBot="1" x14ac:dyDescent="0.25">
      <c r="B20" s="133" t="s">
        <v>57</v>
      </c>
      <c r="C20" s="134"/>
      <c r="D20" s="134"/>
      <c r="E20" s="134"/>
      <c r="F20" s="134"/>
      <c r="G20" s="134"/>
      <c r="H20" s="134"/>
      <c r="I20" s="134"/>
      <c r="J20" s="134"/>
      <c r="K20" s="134"/>
      <c r="L20" s="134"/>
      <c r="M20" s="134"/>
      <c r="N20" s="135"/>
      <c r="P20" s="49" t="s">
        <v>41</v>
      </c>
    </row>
    <row r="22" spans="1:25" ht="19.95" customHeight="1" thickBot="1" x14ac:dyDescent="0.25">
      <c r="A22" s="40" t="s">
        <v>26</v>
      </c>
      <c r="P22" s="43" t="s">
        <v>32</v>
      </c>
      <c r="Q22" s="50"/>
      <c r="R22" s="50"/>
      <c r="S22" s="50"/>
      <c r="T22" s="50"/>
      <c r="U22" s="50"/>
      <c r="V22" s="50"/>
      <c r="W22" s="50"/>
      <c r="X22" s="50"/>
      <c r="Y22" s="50"/>
    </row>
    <row r="23" spans="1:25" ht="60" customHeight="1" thickBot="1" x14ac:dyDescent="0.25">
      <c r="B23" s="84">
        <f>COUNTA('利用者氏名リスト（記載例）'!C3:C101)</f>
        <v>3</v>
      </c>
      <c r="C23" s="85"/>
      <c r="D23" s="85"/>
      <c r="E23" s="51" t="s">
        <v>18</v>
      </c>
      <c r="F23" s="136"/>
      <c r="G23" s="136"/>
      <c r="H23" s="136"/>
      <c r="I23" s="136"/>
      <c r="J23" s="136"/>
      <c r="K23" s="136"/>
      <c r="L23" s="136"/>
      <c r="M23" s="136"/>
      <c r="N23" s="137"/>
      <c r="P23" s="112" t="s">
        <v>47</v>
      </c>
      <c r="Q23" s="112"/>
      <c r="R23" s="112"/>
      <c r="S23" s="112"/>
      <c r="T23" s="112"/>
      <c r="U23" s="112"/>
      <c r="V23" s="112"/>
      <c r="W23" s="112"/>
      <c r="X23" s="112"/>
      <c r="Y23" s="112"/>
    </row>
    <row r="24" spans="1:25" ht="10.050000000000001" customHeight="1" x14ac:dyDescent="0.2">
      <c r="A24" s="52"/>
      <c r="B24" s="52"/>
      <c r="C24" s="52"/>
      <c r="D24" s="52"/>
      <c r="E24" s="52"/>
      <c r="F24" s="52"/>
      <c r="G24" s="52"/>
      <c r="H24" s="52"/>
      <c r="I24" s="52"/>
      <c r="J24" s="52"/>
      <c r="K24" s="52"/>
      <c r="L24" s="52"/>
      <c r="M24" s="52"/>
      <c r="N24" s="52"/>
      <c r="P24" s="53"/>
      <c r="Q24" s="50"/>
      <c r="R24" s="50"/>
      <c r="S24" s="50"/>
      <c r="T24" s="50"/>
      <c r="U24" s="50"/>
      <c r="V24" s="50"/>
      <c r="W24" s="50"/>
      <c r="X24" s="50"/>
      <c r="Y24" s="50"/>
    </row>
    <row r="25" spans="1:25" ht="10.050000000000001" customHeight="1" x14ac:dyDescent="0.2">
      <c r="A25" s="54"/>
      <c r="B25" s="54"/>
      <c r="C25" s="54"/>
      <c r="D25" s="54"/>
      <c r="E25" s="54"/>
      <c r="F25" s="54"/>
      <c r="G25" s="54"/>
      <c r="H25" s="54"/>
      <c r="I25" s="54"/>
      <c r="J25" s="54"/>
      <c r="K25" s="54"/>
      <c r="L25" s="54"/>
      <c r="M25" s="54"/>
      <c r="N25" s="54"/>
      <c r="P25" s="53"/>
      <c r="Q25" s="50"/>
      <c r="R25" s="50"/>
      <c r="S25" s="50"/>
      <c r="T25" s="50"/>
      <c r="U25" s="50"/>
      <c r="V25" s="50"/>
      <c r="W25" s="50"/>
      <c r="X25" s="50"/>
      <c r="Y25" s="50"/>
    </row>
    <row r="26" spans="1:25" ht="19.95" customHeight="1" x14ac:dyDescent="0.2">
      <c r="C26" s="113" t="s">
        <v>19</v>
      </c>
      <c r="D26" s="55" t="s">
        <v>7</v>
      </c>
      <c r="E26" s="55" t="s">
        <v>8</v>
      </c>
      <c r="F26" s="56" t="s">
        <v>9</v>
      </c>
      <c r="G26" s="57"/>
      <c r="H26" s="57"/>
      <c r="I26" s="58"/>
      <c r="K26" s="114" t="s">
        <v>20</v>
      </c>
      <c r="L26" s="115"/>
      <c r="M26" s="115"/>
      <c r="N26" s="115"/>
      <c r="P26" s="43" t="s">
        <v>42</v>
      </c>
      <c r="Q26" s="50"/>
      <c r="R26" s="50"/>
      <c r="S26" s="50"/>
      <c r="T26" s="50"/>
      <c r="U26" s="50"/>
      <c r="V26" s="50"/>
      <c r="W26" s="50"/>
      <c r="X26" s="50"/>
      <c r="Y26" s="50"/>
    </row>
    <row r="27" spans="1:25" ht="19.95" customHeight="1" x14ac:dyDescent="0.2">
      <c r="C27" s="113"/>
      <c r="D27" s="116"/>
      <c r="E27" s="117"/>
      <c r="F27" s="120"/>
      <c r="G27" s="121"/>
      <c r="H27" s="121"/>
      <c r="I27" s="122"/>
      <c r="K27" s="115"/>
      <c r="L27" s="115"/>
      <c r="M27" s="115"/>
      <c r="N27" s="115"/>
    </row>
    <row r="28" spans="1:25" ht="19.95" customHeight="1" x14ac:dyDescent="0.2">
      <c r="C28" s="113"/>
      <c r="D28" s="116"/>
      <c r="E28" s="118"/>
      <c r="F28" s="123"/>
      <c r="G28" s="124"/>
      <c r="H28" s="124"/>
      <c r="I28" s="125"/>
      <c r="K28" s="115"/>
      <c r="L28" s="115"/>
      <c r="M28" s="115"/>
      <c r="N28" s="115"/>
    </row>
    <row r="29" spans="1:25" ht="19.95" customHeight="1" x14ac:dyDescent="0.2">
      <c r="C29" s="113"/>
      <c r="D29" s="116"/>
      <c r="E29" s="119"/>
      <c r="F29" s="126"/>
      <c r="G29" s="127"/>
      <c r="H29" s="127"/>
      <c r="I29" s="128"/>
      <c r="K29" s="115"/>
      <c r="L29" s="115"/>
      <c r="M29" s="115"/>
      <c r="N29" s="115"/>
    </row>
    <row r="30" spans="1:25" ht="10.050000000000001" customHeight="1" x14ac:dyDescent="0.2">
      <c r="A30" s="52"/>
      <c r="B30" s="52"/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</row>
    <row r="31" spans="1:25" ht="10.050000000000001" customHeight="1" x14ac:dyDescent="0.2">
      <c r="A31" s="54"/>
      <c r="B31" s="54"/>
      <c r="C31" s="54"/>
      <c r="D31" s="54"/>
      <c r="E31" s="54"/>
      <c r="F31" s="54"/>
      <c r="G31" s="54"/>
      <c r="H31" s="54"/>
      <c r="I31" s="54"/>
      <c r="J31" s="54"/>
      <c r="K31" s="54"/>
      <c r="L31" s="54"/>
      <c r="M31" s="54"/>
      <c r="N31" s="54"/>
    </row>
    <row r="32" spans="1:25" ht="19.95" customHeight="1" x14ac:dyDescent="0.2">
      <c r="A32" s="107" t="s">
        <v>43</v>
      </c>
      <c r="B32" s="107"/>
      <c r="C32" s="107"/>
      <c r="D32" s="107"/>
      <c r="E32" s="107"/>
      <c r="F32" s="107"/>
      <c r="G32" s="107"/>
      <c r="H32" s="107"/>
      <c r="I32" s="107"/>
      <c r="J32" s="107"/>
      <c r="K32" s="107"/>
      <c r="L32" s="107"/>
      <c r="M32" s="107"/>
      <c r="N32" s="107"/>
    </row>
    <row r="33" spans="1:14" ht="19.95" customHeight="1" x14ac:dyDescent="0.2">
      <c r="G33" s="41" t="s">
        <v>14</v>
      </c>
      <c r="H33" s="59"/>
      <c r="I33" s="41" t="s">
        <v>13</v>
      </c>
      <c r="J33" s="59"/>
      <c r="K33" s="41" t="s">
        <v>12</v>
      </c>
      <c r="L33" s="59"/>
      <c r="M33" s="41" t="s">
        <v>11</v>
      </c>
    </row>
    <row r="35" spans="1:14" ht="19.95" customHeight="1" x14ac:dyDescent="0.2">
      <c r="A35" s="38" t="s">
        <v>21</v>
      </c>
    </row>
    <row r="36" spans="1:14" ht="19.95" customHeight="1" x14ac:dyDescent="0.2">
      <c r="G36" s="60"/>
      <c r="H36" s="60"/>
      <c r="I36" s="60"/>
      <c r="J36" s="60"/>
      <c r="K36" s="60"/>
      <c r="L36" s="60"/>
      <c r="M36" s="60"/>
      <c r="N36" s="60"/>
    </row>
    <row r="37" spans="1:14" ht="19.95" customHeight="1" x14ac:dyDescent="0.25">
      <c r="F37" s="44" t="s">
        <v>22</v>
      </c>
      <c r="G37" s="108" t="str">
        <f>IF(G10=0,"",G10)</f>
        <v>(株)広島病院</v>
      </c>
      <c r="H37" s="108"/>
      <c r="I37" s="108"/>
      <c r="J37" s="108"/>
      <c r="K37" s="108"/>
      <c r="L37" s="108"/>
      <c r="M37" s="109"/>
      <c r="N37" s="109"/>
    </row>
    <row r="38" spans="1:14" ht="19.95" customHeight="1" x14ac:dyDescent="0.2">
      <c r="F38" s="44" t="s">
        <v>39</v>
      </c>
      <c r="G38" s="110"/>
      <c r="H38" s="110"/>
      <c r="I38" s="110"/>
      <c r="J38" s="110"/>
      <c r="K38" s="110"/>
      <c r="L38" s="110"/>
      <c r="M38" s="111" t="s">
        <v>15</v>
      </c>
      <c r="N38" s="111"/>
    </row>
  </sheetData>
  <sheetProtection algorithmName="SHA-512" hashValue="gXjEbOwSFPZGarvM4PZeH8pbcygMtKarGKY8d4yzhnn86Z9jxzjtUn2SPO1bd6BcqaTQsZakgGPhwiSUzyVLiQ==" saltValue="UNSSDdanwOS2jq1ZRboEwg==" spinCount="100000" sheet="1" objects="1" scenarios="1" selectLockedCells="1"/>
  <mergeCells count="22">
    <mergeCell ref="A2:N2"/>
    <mergeCell ref="G8:N8"/>
    <mergeCell ref="G9:N9"/>
    <mergeCell ref="G10:N10"/>
    <mergeCell ref="G11:L11"/>
    <mergeCell ref="M11:N11"/>
    <mergeCell ref="G13:N13"/>
    <mergeCell ref="G14:N14"/>
    <mergeCell ref="G15:N15"/>
    <mergeCell ref="B20:N20"/>
    <mergeCell ref="B23:D23"/>
    <mergeCell ref="F23:N23"/>
    <mergeCell ref="A32:N32"/>
    <mergeCell ref="G37:N37"/>
    <mergeCell ref="G38:L38"/>
    <mergeCell ref="M38:N38"/>
    <mergeCell ref="P23:Y23"/>
    <mergeCell ref="C26:C29"/>
    <mergeCell ref="K26:N29"/>
    <mergeCell ref="D27:D29"/>
    <mergeCell ref="E27:E29"/>
    <mergeCell ref="F27:I29"/>
  </mergeCells>
  <phoneticPr fontId="1"/>
  <dataValidations count="5">
    <dataValidation imeMode="hiragana" allowBlank="1" showInputMessage="1" showErrorMessage="1" sqref="G9:N10 G11:L11 G13:N13 B20:N20"/>
    <dataValidation imeMode="off" allowBlank="1" showInputMessage="1" showErrorMessage="1" sqref="G14:N14"/>
    <dataValidation type="textLength" imeMode="disabled" operator="equal" allowBlank="1" showInputMessage="1" showErrorMessage="1" errorTitle="郵便番号" error="730-0004の様に_x000a_3桁-（ハイフン）4桁で入力してください" sqref="G8:N8">
      <formula1>8</formula1>
    </dataValidation>
    <dataValidation type="whole" imeMode="halfAlpha" operator="greaterThanOrEqual" allowBlank="1" showInputMessage="1" showErrorMessage="1" errorTitle="半角数字" error="半角の数字を入力してください" sqref="H4 J4 L4">
      <formula1>5</formula1>
    </dataValidation>
    <dataValidation imeMode="disabled" allowBlank="1" showInputMessage="1" showErrorMessage="1" sqref="G15:N15"/>
  </dataValidations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01"/>
  <sheetViews>
    <sheetView view="pageBreakPreview" zoomScaleNormal="100" zoomScaleSheetLayoutView="100" workbookViewId="0">
      <selection activeCell="C3" sqref="C3"/>
    </sheetView>
  </sheetViews>
  <sheetFormatPr defaultRowHeight="13.2" x14ac:dyDescent="0.2"/>
  <cols>
    <col min="1" max="1" width="4.77734375" style="63" customWidth="1"/>
    <col min="2" max="2" width="24.77734375" style="63" customWidth="1"/>
    <col min="3" max="5" width="18.77734375" style="63" customWidth="1"/>
    <col min="6" max="6" width="89.77734375" style="63" customWidth="1"/>
    <col min="7" max="7" width="10.77734375" style="63" customWidth="1"/>
    <col min="8" max="8" width="58" style="63" customWidth="1"/>
    <col min="9" max="9" width="19.88671875" style="63" customWidth="1"/>
    <col min="10" max="10" width="30.44140625" style="63" customWidth="1"/>
    <col min="11" max="11" width="20.77734375" style="63" customWidth="1"/>
    <col min="12" max="16384" width="8.88671875" style="63"/>
  </cols>
  <sheetData>
    <row r="1" spans="1:11" ht="19.95" customHeight="1" x14ac:dyDescent="0.2">
      <c r="A1" s="140" t="s">
        <v>27</v>
      </c>
      <c r="B1" s="140"/>
      <c r="C1" s="140"/>
      <c r="D1" s="140"/>
      <c r="E1" s="61"/>
      <c r="F1" s="62"/>
      <c r="G1" s="62"/>
    </row>
    <row r="2" spans="1:11" ht="19.95" customHeight="1" x14ac:dyDescent="0.2">
      <c r="A2" s="64" t="s">
        <v>28</v>
      </c>
      <c r="B2" s="65" t="s">
        <v>22</v>
      </c>
      <c r="C2" s="65" t="s">
        <v>24</v>
      </c>
      <c r="D2" s="65" t="s">
        <v>25</v>
      </c>
      <c r="E2" s="65" t="s">
        <v>35</v>
      </c>
      <c r="F2" s="66" t="s">
        <v>34</v>
      </c>
      <c r="G2" s="65" t="s">
        <v>30</v>
      </c>
      <c r="H2" s="65" t="s">
        <v>29</v>
      </c>
      <c r="I2" s="65" t="s">
        <v>4</v>
      </c>
      <c r="J2" s="65" t="s">
        <v>5</v>
      </c>
      <c r="K2" s="65" t="s">
        <v>3</v>
      </c>
    </row>
    <row r="3" spans="1:11" ht="19.95" customHeight="1" x14ac:dyDescent="0.2">
      <c r="A3" s="37">
        <v>1</v>
      </c>
      <c r="B3" s="34" t="str">
        <f>IF(C3=0,"",IF('申請書（記載例）'!$G$10=0,"",'申請書（記載例）'!$G$10))</f>
        <v>(株)広島病院</v>
      </c>
      <c r="C3" s="67" t="s">
        <v>59</v>
      </c>
      <c r="D3" s="67" t="s">
        <v>62</v>
      </c>
      <c r="E3" s="67" t="s">
        <v>36</v>
      </c>
      <c r="F3" s="68" t="s">
        <v>44</v>
      </c>
      <c r="G3" s="35" t="str">
        <f>IF(C3=0,"",IF('申請書（記載例）'!$G$8=0,"",'申請書（記載例）'!$G$8))</f>
        <v>734-0004</v>
      </c>
      <c r="H3" s="36" t="str">
        <f>IF(C3=0,"",IF('申請書（記載例）'!$G$9=0,"",'申請書（記載例）'!$G$9))</f>
        <v>広島市南区宇品神田一丁目5番54号</v>
      </c>
      <c r="I3" s="36" t="str">
        <f>IF(C3=0,"",IF('申請書（記載例）'!$G$13=0,"",'申請書（記載例）'!$G$13))</f>
        <v>宇品　次郎</v>
      </c>
      <c r="J3" s="37" t="str">
        <f>IF(C3=0,"",IF('申請書（記載例）'!$G$14=0,"",'申請書（記載例）'!$G$14))</f>
        <v>xxxxxxxxxx@gmail.com</v>
      </c>
      <c r="K3" s="37" t="str">
        <f>IF(C3=0,"",IF('申請書（記載例）'!$G$15=0,"",'申請書（記載例）'!$G$15))</f>
        <v>082-XXX-0119</v>
      </c>
    </row>
    <row r="4" spans="1:11" ht="19.95" customHeight="1" x14ac:dyDescent="0.2">
      <c r="A4" s="37">
        <v>2</v>
      </c>
      <c r="B4" s="34" t="str">
        <f>IF(C4=0,"",IF('申請書（記載例）'!$G$10=0,"",'申請書（記載例）'!$G$10))</f>
        <v>(株)広島病院</v>
      </c>
      <c r="C4" s="67" t="s">
        <v>60</v>
      </c>
      <c r="D4" s="67" t="s">
        <v>63</v>
      </c>
      <c r="E4" s="67" t="s">
        <v>37</v>
      </c>
      <c r="F4" s="68" t="s">
        <v>48</v>
      </c>
      <c r="G4" s="35" t="str">
        <f>IF(C4=0,"",IF('申請書（記載例）'!$G$8=0,"",'申請書（記載例）'!$G$8))</f>
        <v>734-0004</v>
      </c>
      <c r="H4" s="36" t="str">
        <f>IF(C4=0,"",IF('申請書（記載例）'!$G$9=0,"",'申請書（記載例）'!$G$9))</f>
        <v>広島市南区宇品神田一丁目5番54号</v>
      </c>
      <c r="I4" s="36" t="str">
        <f>IF(C4=0,"",IF('申請書（記載例）'!$G$13=0,"",'申請書（記載例）'!$G$13))</f>
        <v>宇品　次郎</v>
      </c>
      <c r="J4" s="37" t="str">
        <f>IF(C4=0,"",IF('申請書（記載例）'!$G$14=0,"",'申請書（記載例）'!$G$14))</f>
        <v>xxxxxxxxxx@gmail.com</v>
      </c>
      <c r="K4" s="37" t="str">
        <f>IF(C4=0,"",IF('申請書（記載例）'!$G$15=0,"",'申請書（記載例）'!$G$15))</f>
        <v>082-XXX-0119</v>
      </c>
    </row>
    <row r="5" spans="1:11" ht="19.95" customHeight="1" x14ac:dyDescent="0.2">
      <c r="A5" s="37">
        <v>3</v>
      </c>
      <c r="B5" s="34" t="str">
        <f>IF(C5=0,"",IF('申請書（記載例）'!$G$10=0,"",'申請書（記載例）'!$G$10))</f>
        <v>(株)広島病院</v>
      </c>
      <c r="C5" s="67" t="s">
        <v>61</v>
      </c>
      <c r="D5" s="67" t="s">
        <v>64</v>
      </c>
      <c r="E5" s="67" t="s">
        <v>65</v>
      </c>
      <c r="F5" s="68" t="s">
        <v>49</v>
      </c>
      <c r="G5" s="35" t="str">
        <f>IF(C5=0,"",IF('申請書（記載例）'!$G$8=0,"",'申請書（記載例）'!$G$8))</f>
        <v>734-0004</v>
      </c>
      <c r="H5" s="36" t="str">
        <f>IF(C5=0,"",IF('申請書（記載例）'!$G$9=0,"",'申請書（記載例）'!$G$9))</f>
        <v>広島市南区宇品神田一丁目5番54号</v>
      </c>
      <c r="I5" s="36" t="str">
        <f>IF(C5=0,"",IF('申請書（記載例）'!$G$13=0,"",'申請書（記載例）'!$G$13))</f>
        <v>宇品　次郎</v>
      </c>
      <c r="J5" s="37" t="str">
        <f>IF(C5=0,"",IF('申請書（記載例）'!$G$14=0,"",'申請書（記載例）'!$G$14))</f>
        <v>xxxxxxxxxx@gmail.com</v>
      </c>
      <c r="K5" s="37" t="str">
        <f>IF(C5=0,"",IF('申請書（記載例）'!$G$15=0,"",'申請書（記載例）'!$G$15))</f>
        <v>082-XXX-0119</v>
      </c>
    </row>
    <row r="6" spans="1:11" ht="19.95" customHeight="1" x14ac:dyDescent="0.2">
      <c r="A6" s="37">
        <v>4</v>
      </c>
      <c r="B6" s="34" t="str">
        <f>IF(C6=0,"",IF('申請書（記載例）'!$G$10=0,"",'申請書（記載例）'!$G$10))</f>
        <v/>
      </c>
      <c r="C6" s="69"/>
      <c r="D6" s="69"/>
      <c r="E6" s="69"/>
      <c r="F6" s="68" t="s">
        <v>50</v>
      </c>
      <c r="G6" s="35" t="str">
        <f>IF(C6=0,"",IF('申請書（記載例）'!$G$8=0,"",'申請書（記載例）'!$G$8))</f>
        <v/>
      </c>
      <c r="H6" s="36" t="str">
        <f>IF(C6=0,"",IF('申請書（記載例）'!$G$9=0,"",'申請書（記載例）'!$G$9))</f>
        <v/>
      </c>
      <c r="I6" s="36" t="str">
        <f>IF(C6=0,"",IF('申請書（記載例）'!$G$13=0,"",'申請書（記載例）'!$G$13))</f>
        <v/>
      </c>
      <c r="J6" s="37" t="str">
        <f>IF(C6=0,"",IF('申請書（記載例）'!$G$14=0,"",'申請書（記載例）'!$G$14))</f>
        <v/>
      </c>
      <c r="K6" s="37" t="str">
        <f>IF(C6=0,"",IF('申請書（記載例）'!$G$15=0,"",'申請書（記載例）'!$G$15))</f>
        <v/>
      </c>
    </row>
    <row r="7" spans="1:11" ht="19.95" customHeight="1" x14ac:dyDescent="0.2">
      <c r="A7" s="37">
        <v>5</v>
      </c>
      <c r="B7" s="34" t="str">
        <f>IF(C7=0,"",IF('申請書（記載例）'!$G$10=0,"",'申請書（記載例）'!$G$10))</f>
        <v/>
      </c>
      <c r="C7" s="69"/>
      <c r="D7" s="69"/>
      <c r="E7" s="69"/>
      <c r="F7" s="69"/>
      <c r="G7" s="35" t="str">
        <f>IF(C7=0,"",IF('申請書（記載例）'!$G$8=0,"",'申請書（記載例）'!$G$8))</f>
        <v/>
      </c>
      <c r="H7" s="36" t="str">
        <f>IF(C7=0,"",IF('申請書（記載例）'!$G$9=0,"",'申請書（記載例）'!$G$9))</f>
        <v/>
      </c>
      <c r="I7" s="36" t="str">
        <f>IF(C7=0,"",IF('申請書（記載例）'!$G$13=0,"",'申請書（記載例）'!$G$13))</f>
        <v/>
      </c>
      <c r="J7" s="37" t="str">
        <f>IF(C7=0,"",IF('申請書（記載例）'!$G$14=0,"",'申請書（記載例）'!$G$14))</f>
        <v/>
      </c>
      <c r="K7" s="37" t="str">
        <f>IF(C7=0,"",IF('申請書（記載例）'!$G$15=0,"",'申請書（記載例）'!$G$15))</f>
        <v/>
      </c>
    </row>
    <row r="8" spans="1:11" ht="19.95" customHeight="1" x14ac:dyDescent="0.2">
      <c r="A8" s="37">
        <v>6</v>
      </c>
      <c r="B8" s="34" t="str">
        <f>IF(C8=0,"",IF('申請書（記載例）'!$G$10=0,"",'申請書（記載例）'!$G$10))</f>
        <v/>
      </c>
      <c r="C8" s="69"/>
      <c r="D8" s="69"/>
      <c r="E8" s="69"/>
      <c r="F8" s="69"/>
      <c r="G8" s="35" t="str">
        <f>IF(C8=0,"",IF('申請書（記載例）'!$G$8=0,"",'申請書（記載例）'!$G$8))</f>
        <v/>
      </c>
      <c r="H8" s="36" t="str">
        <f>IF(C8=0,"",IF('申請書（記載例）'!$G$9=0,"",'申請書（記載例）'!$G$9))</f>
        <v/>
      </c>
      <c r="I8" s="36" t="str">
        <f>IF(C8=0,"",IF('申請書（記載例）'!$G$13=0,"",'申請書（記載例）'!$G$13))</f>
        <v/>
      </c>
      <c r="J8" s="37" t="str">
        <f>IF(C8=0,"",IF('申請書（記載例）'!$G$14=0,"",'申請書（記載例）'!$G$14))</f>
        <v/>
      </c>
      <c r="K8" s="37" t="str">
        <f>IF(C8=0,"",IF('申請書（記載例）'!$G$15=0,"",'申請書（記載例）'!$G$15))</f>
        <v/>
      </c>
    </row>
    <row r="9" spans="1:11" ht="19.95" customHeight="1" x14ac:dyDescent="0.2">
      <c r="A9" s="37">
        <v>7</v>
      </c>
      <c r="B9" s="34" t="str">
        <f>IF(C9=0,"",IF('申請書（記載例）'!$G$10=0,"",'申請書（記載例）'!$G$10))</f>
        <v/>
      </c>
      <c r="C9" s="69"/>
      <c r="D9" s="69"/>
      <c r="E9" s="69"/>
      <c r="F9" s="69"/>
      <c r="G9" s="35" t="str">
        <f>IF(C9=0,"",IF('申請書（記載例）'!$G$8=0,"",'申請書（記載例）'!$G$8))</f>
        <v/>
      </c>
      <c r="H9" s="36" t="str">
        <f>IF(C9=0,"",IF('申請書（記載例）'!$G$9=0,"",'申請書（記載例）'!$G$9))</f>
        <v/>
      </c>
      <c r="I9" s="36" t="str">
        <f>IF(C9=0,"",IF('申請書（記載例）'!$G$13=0,"",'申請書（記載例）'!$G$13))</f>
        <v/>
      </c>
      <c r="J9" s="37" t="str">
        <f>IF(C9=0,"",IF('申請書（記載例）'!$G$14=0,"",'申請書（記載例）'!$G$14))</f>
        <v/>
      </c>
      <c r="K9" s="37" t="str">
        <f>IF(C9=0,"",IF('申請書（記載例）'!$G$15=0,"",'申請書（記載例）'!$G$15))</f>
        <v/>
      </c>
    </row>
    <row r="10" spans="1:11" ht="19.95" customHeight="1" x14ac:dyDescent="0.2">
      <c r="A10" s="37">
        <v>8</v>
      </c>
      <c r="B10" s="34" t="str">
        <f>IF(C10=0,"",IF('申請書（記載例）'!$G$10=0,"",'申請書（記載例）'!$G$10))</f>
        <v/>
      </c>
      <c r="C10" s="69"/>
      <c r="D10" s="69"/>
      <c r="E10" s="69"/>
      <c r="F10" s="69"/>
      <c r="G10" s="35" t="str">
        <f>IF(C10=0,"",IF('申請書（記載例）'!$G$8=0,"",'申請書（記載例）'!$G$8))</f>
        <v/>
      </c>
      <c r="H10" s="36" t="str">
        <f>IF(C10=0,"",IF('申請書（記載例）'!$G$9=0,"",'申請書（記載例）'!$G$9))</f>
        <v/>
      </c>
      <c r="I10" s="36" t="str">
        <f>IF(C10=0,"",IF('申請書（記載例）'!$G$13=0,"",'申請書（記載例）'!$G$13))</f>
        <v/>
      </c>
      <c r="J10" s="37" t="str">
        <f>IF(C10=0,"",IF('申請書（記載例）'!$G$14=0,"",'申請書（記載例）'!$G$14))</f>
        <v/>
      </c>
      <c r="K10" s="37" t="str">
        <f>IF(C10=0,"",IF('申請書（記載例）'!$G$15=0,"",'申請書（記載例）'!$G$15))</f>
        <v/>
      </c>
    </row>
    <row r="11" spans="1:11" ht="19.95" customHeight="1" x14ac:dyDescent="0.2">
      <c r="A11" s="37">
        <v>9</v>
      </c>
      <c r="B11" s="34" t="str">
        <f>IF(C11=0,"",IF('申請書（記載例）'!$G$10=0,"",'申請書（記載例）'!$G$10))</f>
        <v/>
      </c>
      <c r="C11" s="69"/>
      <c r="D11" s="69"/>
      <c r="E11" s="69"/>
      <c r="F11" s="69"/>
      <c r="G11" s="35" t="str">
        <f>IF(C11=0,"",IF('申請書（記載例）'!$G$8=0,"",'申請書（記載例）'!$G$8))</f>
        <v/>
      </c>
      <c r="H11" s="36" t="str">
        <f>IF(C11=0,"",IF('申請書（記載例）'!$G$9=0,"",'申請書（記載例）'!$G$9))</f>
        <v/>
      </c>
      <c r="I11" s="36" t="str">
        <f>IF(C11=0,"",IF('申請書（記載例）'!$G$13=0,"",'申請書（記載例）'!$G$13))</f>
        <v/>
      </c>
      <c r="J11" s="37" t="str">
        <f>IF(C11=0,"",IF('申請書（記載例）'!$G$14=0,"",'申請書（記載例）'!$G$14))</f>
        <v/>
      </c>
      <c r="K11" s="37" t="str">
        <f>IF(C11=0,"",IF('申請書（記載例）'!$G$15=0,"",'申請書（記載例）'!$G$15))</f>
        <v/>
      </c>
    </row>
    <row r="12" spans="1:11" ht="19.95" customHeight="1" x14ac:dyDescent="0.2">
      <c r="A12" s="37">
        <v>10</v>
      </c>
      <c r="B12" s="34" t="str">
        <f>IF(C12=0,"",IF('申請書（記載例）'!$G$10=0,"",'申請書（記載例）'!$G$10))</f>
        <v/>
      </c>
      <c r="C12" s="69"/>
      <c r="D12" s="69"/>
      <c r="E12" s="69"/>
      <c r="F12" s="69"/>
      <c r="G12" s="35" t="str">
        <f>IF(C12=0,"",IF('申請書（記載例）'!$G$8=0,"",'申請書（記載例）'!$G$8))</f>
        <v/>
      </c>
      <c r="H12" s="36" t="str">
        <f>IF(C12=0,"",IF('申請書（記載例）'!$G$9=0,"",'申請書（記載例）'!$G$9))</f>
        <v/>
      </c>
      <c r="I12" s="36" t="str">
        <f>IF(C12=0,"",IF('申請書（記載例）'!$G$13=0,"",'申請書（記載例）'!$G$13))</f>
        <v/>
      </c>
      <c r="J12" s="37" t="str">
        <f>IF(C12=0,"",IF('申請書（記載例）'!$G$14=0,"",'申請書（記載例）'!$G$14))</f>
        <v/>
      </c>
      <c r="K12" s="37" t="str">
        <f>IF(C12=0,"",IF('申請書（記載例）'!$G$15=0,"",'申請書（記載例）'!$G$15))</f>
        <v/>
      </c>
    </row>
    <row r="13" spans="1:11" ht="19.95" customHeight="1" x14ac:dyDescent="0.2">
      <c r="A13" s="37">
        <v>11</v>
      </c>
      <c r="B13" s="34" t="str">
        <f>IF(C13=0,"",IF('申請書（記載例）'!$G$10=0,"",'申請書（記載例）'!$G$10))</f>
        <v/>
      </c>
      <c r="C13" s="69"/>
      <c r="D13" s="69"/>
      <c r="E13" s="69"/>
      <c r="F13" s="69"/>
      <c r="G13" s="35" t="str">
        <f>IF(C13=0,"",IF('申請書（記載例）'!$G$8=0,"",'申請書（記載例）'!$G$8))</f>
        <v/>
      </c>
      <c r="H13" s="36" t="str">
        <f>IF(C13=0,"",IF('申請書（記載例）'!$G$9=0,"",'申請書（記載例）'!$G$9))</f>
        <v/>
      </c>
      <c r="I13" s="36" t="str">
        <f>IF(C13=0,"",IF('申請書（記載例）'!$G$13=0,"",'申請書（記載例）'!$G$13))</f>
        <v/>
      </c>
      <c r="J13" s="37" t="str">
        <f>IF(C13=0,"",IF('申請書（記載例）'!$G$14=0,"",'申請書（記載例）'!$G$14))</f>
        <v/>
      </c>
      <c r="K13" s="37" t="str">
        <f>IF(C13=0,"",IF('申請書（記載例）'!$G$15=0,"",'申請書（記載例）'!$G$15))</f>
        <v/>
      </c>
    </row>
    <row r="14" spans="1:11" ht="19.95" customHeight="1" x14ac:dyDescent="0.2">
      <c r="A14" s="37">
        <v>12</v>
      </c>
      <c r="B14" s="34" t="str">
        <f>IF(C14=0,"",IF('申請書（記載例）'!$G$10=0,"",'申請書（記載例）'!$G$10))</f>
        <v/>
      </c>
      <c r="C14" s="69"/>
      <c r="D14" s="69"/>
      <c r="E14" s="69"/>
      <c r="F14" s="69"/>
      <c r="G14" s="35" t="str">
        <f>IF(C14=0,"",IF('申請書（記載例）'!$G$8=0,"",'申請書（記載例）'!$G$8))</f>
        <v/>
      </c>
      <c r="H14" s="36" t="str">
        <f>IF(C14=0,"",IF('申請書（記載例）'!$G$9=0,"",'申請書（記載例）'!$G$9))</f>
        <v/>
      </c>
      <c r="I14" s="36" t="str">
        <f>IF(C14=0,"",IF('申請書（記載例）'!$G$13=0,"",'申請書（記載例）'!$G$13))</f>
        <v/>
      </c>
      <c r="J14" s="37" t="str">
        <f>IF(C14=0,"",IF('申請書（記載例）'!$G$14=0,"",'申請書（記載例）'!$G$14))</f>
        <v/>
      </c>
      <c r="K14" s="37" t="str">
        <f>IF(C14=0,"",IF('申請書（記載例）'!$G$15=0,"",'申請書（記載例）'!$G$15))</f>
        <v/>
      </c>
    </row>
    <row r="15" spans="1:11" ht="19.95" customHeight="1" x14ac:dyDescent="0.2">
      <c r="A15" s="37">
        <v>13</v>
      </c>
      <c r="B15" s="34" t="str">
        <f>IF(C15=0,"",IF('申請書（記載例）'!$G$10=0,"",'申請書（記載例）'!$G$10))</f>
        <v/>
      </c>
      <c r="C15" s="69"/>
      <c r="D15" s="69"/>
      <c r="E15" s="69"/>
      <c r="F15" s="69"/>
      <c r="G15" s="35" t="str">
        <f>IF(C15=0,"",IF('申請書（記載例）'!$G$8=0,"",'申請書（記載例）'!$G$8))</f>
        <v/>
      </c>
      <c r="H15" s="36" t="str">
        <f>IF(C15=0,"",IF('申請書（記載例）'!$G$9=0,"",'申請書（記載例）'!$G$9))</f>
        <v/>
      </c>
      <c r="I15" s="36" t="str">
        <f>IF(C15=0,"",IF('申請書（記載例）'!$G$13=0,"",'申請書（記載例）'!$G$13))</f>
        <v/>
      </c>
      <c r="J15" s="37" t="str">
        <f>IF(C15=0,"",IF('申請書（記載例）'!$G$14=0,"",'申請書（記載例）'!$G$14))</f>
        <v/>
      </c>
      <c r="K15" s="37" t="str">
        <f>IF(C15=0,"",IF('申請書（記載例）'!$G$15=0,"",'申請書（記載例）'!$G$15))</f>
        <v/>
      </c>
    </row>
    <row r="16" spans="1:11" ht="19.95" customHeight="1" x14ac:dyDescent="0.2">
      <c r="A16" s="37">
        <v>14</v>
      </c>
      <c r="B16" s="34" t="str">
        <f>IF(C16=0,"",IF('申請書（記載例）'!$G$10=0,"",'申請書（記載例）'!$G$10))</f>
        <v/>
      </c>
      <c r="C16" s="69"/>
      <c r="D16" s="69"/>
      <c r="E16" s="69"/>
      <c r="F16" s="69"/>
      <c r="G16" s="35" t="str">
        <f>IF(C16=0,"",IF('申請書（記載例）'!$G$8=0,"",'申請書（記載例）'!$G$8))</f>
        <v/>
      </c>
      <c r="H16" s="36" t="str">
        <f>IF(C16=0,"",IF('申請書（記載例）'!$G$9=0,"",'申請書（記載例）'!$G$9))</f>
        <v/>
      </c>
      <c r="I16" s="36" t="str">
        <f>IF(C16=0,"",IF('申請書（記載例）'!$G$13=0,"",'申請書（記載例）'!$G$13))</f>
        <v/>
      </c>
      <c r="J16" s="37" t="str">
        <f>IF(C16=0,"",IF('申請書（記載例）'!$G$14=0,"",'申請書（記載例）'!$G$14))</f>
        <v/>
      </c>
      <c r="K16" s="37" t="str">
        <f>IF(C16=0,"",IF('申請書（記載例）'!$G$15=0,"",'申請書（記載例）'!$G$15))</f>
        <v/>
      </c>
    </row>
    <row r="17" spans="1:11" ht="19.95" customHeight="1" x14ac:dyDescent="0.2">
      <c r="A17" s="37">
        <v>15</v>
      </c>
      <c r="B17" s="34" t="str">
        <f>IF(C17=0,"",IF('申請書（記載例）'!$G$10=0,"",'申請書（記載例）'!$G$10))</f>
        <v/>
      </c>
      <c r="C17" s="69"/>
      <c r="D17" s="69"/>
      <c r="E17" s="69"/>
      <c r="F17" s="69"/>
      <c r="G17" s="35" t="str">
        <f>IF(C17=0,"",IF('申請書（記載例）'!$G$8=0,"",'申請書（記載例）'!$G$8))</f>
        <v/>
      </c>
      <c r="H17" s="36" t="str">
        <f>IF(C17=0,"",IF('申請書（記載例）'!$G$9=0,"",'申請書（記載例）'!$G$9))</f>
        <v/>
      </c>
      <c r="I17" s="36" t="str">
        <f>IF(C17=0,"",IF('申請書（記載例）'!$G$13=0,"",'申請書（記載例）'!$G$13))</f>
        <v/>
      </c>
      <c r="J17" s="37" t="str">
        <f>IF(C17=0,"",IF('申請書（記載例）'!$G$14=0,"",'申請書（記載例）'!$G$14))</f>
        <v/>
      </c>
      <c r="K17" s="37" t="str">
        <f>IF(C17=0,"",IF('申請書（記載例）'!$G$15=0,"",'申請書（記載例）'!$G$15))</f>
        <v/>
      </c>
    </row>
    <row r="18" spans="1:11" ht="19.95" customHeight="1" x14ac:dyDescent="0.2">
      <c r="A18" s="37">
        <v>16</v>
      </c>
      <c r="B18" s="34" t="str">
        <f>IF(C18=0,"",IF('申請書（記載例）'!$G$10=0,"",'申請書（記載例）'!$G$10))</f>
        <v/>
      </c>
      <c r="C18" s="69"/>
      <c r="D18" s="69"/>
      <c r="E18" s="69"/>
      <c r="F18" s="69"/>
      <c r="G18" s="35" t="str">
        <f>IF(C18=0,"",IF('申請書（記載例）'!$G$8=0,"",'申請書（記載例）'!$G$8))</f>
        <v/>
      </c>
      <c r="H18" s="36" t="str">
        <f>IF(C18=0,"",IF('申請書（記載例）'!$G$9=0,"",'申請書（記載例）'!$G$9))</f>
        <v/>
      </c>
      <c r="I18" s="36" t="str">
        <f>IF(C18=0,"",IF('申請書（記載例）'!$G$13=0,"",'申請書（記載例）'!$G$13))</f>
        <v/>
      </c>
      <c r="J18" s="37" t="str">
        <f>IF(C18=0,"",IF('申請書（記載例）'!$G$14=0,"",'申請書（記載例）'!$G$14))</f>
        <v/>
      </c>
      <c r="K18" s="37" t="str">
        <f>IF(C18=0,"",IF('申請書（記載例）'!$G$15=0,"",'申請書（記載例）'!$G$15))</f>
        <v/>
      </c>
    </row>
    <row r="19" spans="1:11" ht="19.95" customHeight="1" x14ac:dyDescent="0.2">
      <c r="A19" s="37">
        <v>17</v>
      </c>
      <c r="B19" s="34" t="str">
        <f>IF(C19=0,"",IF('申請書（記載例）'!$G$10=0,"",'申請書（記載例）'!$G$10))</f>
        <v/>
      </c>
      <c r="C19" s="69"/>
      <c r="D19" s="69"/>
      <c r="E19" s="69"/>
      <c r="F19" s="69"/>
      <c r="G19" s="35" t="str">
        <f>IF(C19=0,"",IF('申請書（記載例）'!$G$8=0,"",'申請書（記載例）'!$G$8))</f>
        <v/>
      </c>
      <c r="H19" s="36" t="str">
        <f>IF(C19=0,"",IF('申請書（記載例）'!$G$9=0,"",'申請書（記載例）'!$G$9))</f>
        <v/>
      </c>
      <c r="I19" s="36" t="str">
        <f>IF(C19=0,"",IF('申請書（記載例）'!$G$13=0,"",'申請書（記載例）'!$G$13))</f>
        <v/>
      </c>
      <c r="J19" s="37" t="str">
        <f>IF(C19=0,"",IF('申請書（記載例）'!$G$14=0,"",'申請書（記載例）'!$G$14))</f>
        <v/>
      </c>
      <c r="K19" s="37" t="str">
        <f>IF(C19=0,"",IF('申請書（記載例）'!$G$15=0,"",'申請書（記載例）'!$G$15))</f>
        <v/>
      </c>
    </row>
    <row r="20" spans="1:11" ht="19.95" customHeight="1" x14ac:dyDescent="0.2">
      <c r="A20" s="37">
        <v>18</v>
      </c>
      <c r="B20" s="34" t="str">
        <f>IF(C20=0,"",IF('申請書（記載例）'!$G$10=0,"",'申請書（記載例）'!$G$10))</f>
        <v/>
      </c>
      <c r="C20" s="69"/>
      <c r="D20" s="69"/>
      <c r="E20" s="69"/>
      <c r="F20" s="69"/>
      <c r="G20" s="35" t="str">
        <f>IF(C20=0,"",IF('申請書（記載例）'!$G$8=0,"",'申請書（記載例）'!$G$8))</f>
        <v/>
      </c>
      <c r="H20" s="36" t="str">
        <f>IF(C20=0,"",IF('申請書（記載例）'!$G$9=0,"",'申請書（記載例）'!$G$9))</f>
        <v/>
      </c>
      <c r="I20" s="36" t="str">
        <f>IF(C20=0,"",IF('申請書（記載例）'!$G$13=0,"",'申請書（記載例）'!$G$13))</f>
        <v/>
      </c>
      <c r="J20" s="37" t="str">
        <f>IF(C20=0,"",IF('申請書（記載例）'!$G$14=0,"",'申請書（記載例）'!$G$14))</f>
        <v/>
      </c>
      <c r="K20" s="37" t="str">
        <f>IF(C20=0,"",IF('申請書（記載例）'!$G$15=0,"",'申請書（記載例）'!$G$15))</f>
        <v/>
      </c>
    </row>
    <row r="21" spans="1:11" ht="19.95" customHeight="1" x14ac:dyDescent="0.2">
      <c r="A21" s="37">
        <v>19</v>
      </c>
      <c r="B21" s="34" t="str">
        <f>IF(C21=0,"",IF('申請書（記載例）'!$G$10=0,"",'申請書（記載例）'!$G$10))</f>
        <v/>
      </c>
      <c r="C21" s="69"/>
      <c r="D21" s="69"/>
      <c r="E21" s="69"/>
      <c r="F21" s="69"/>
      <c r="G21" s="35" t="str">
        <f>IF(C21=0,"",IF('申請書（記載例）'!$G$8=0,"",'申請書（記載例）'!$G$8))</f>
        <v/>
      </c>
      <c r="H21" s="36" t="str">
        <f>IF(C21=0,"",IF('申請書（記載例）'!$G$9=0,"",'申請書（記載例）'!$G$9))</f>
        <v/>
      </c>
      <c r="I21" s="36" t="str">
        <f>IF(C21=0,"",IF('申請書（記載例）'!$G$13=0,"",'申請書（記載例）'!$G$13))</f>
        <v/>
      </c>
      <c r="J21" s="37" t="str">
        <f>IF(C21=0,"",IF('申請書（記載例）'!$G$14=0,"",'申請書（記載例）'!$G$14))</f>
        <v/>
      </c>
      <c r="K21" s="37" t="str">
        <f>IF(C21=0,"",IF('申請書（記載例）'!$G$15=0,"",'申請書（記載例）'!$G$15))</f>
        <v/>
      </c>
    </row>
    <row r="22" spans="1:11" ht="19.95" customHeight="1" x14ac:dyDescent="0.2">
      <c r="A22" s="37">
        <v>20</v>
      </c>
      <c r="B22" s="34" t="str">
        <f>IF(C22=0,"",IF('申請書（記載例）'!$G$10=0,"",'申請書（記載例）'!$G$10))</f>
        <v/>
      </c>
      <c r="C22" s="69"/>
      <c r="D22" s="69"/>
      <c r="E22" s="69"/>
      <c r="F22" s="69"/>
      <c r="G22" s="35" t="str">
        <f>IF(C22=0,"",IF('申請書（記載例）'!$G$8=0,"",'申請書（記載例）'!$G$8))</f>
        <v/>
      </c>
      <c r="H22" s="36" t="str">
        <f>IF(C22=0,"",IF('申請書（記載例）'!$G$9=0,"",'申請書（記載例）'!$G$9))</f>
        <v/>
      </c>
      <c r="I22" s="36" t="str">
        <f>IF(C22=0,"",IF('申請書（記載例）'!$G$13=0,"",'申請書（記載例）'!$G$13))</f>
        <v/>
      </c>
      <c r="J22" s="37" t="str">
        <f>IF(C22=0,"",IF('申請書（記載例）'!$G$14=0,"",'申請書（記載例）'!$G$14))</f>
        <v/>
      </c>
      <c r="K22" s="37" t="str">
        <f>IF(C22=0,"",IF('申請書（記載例）'!$G$15=0,"",'申請書（記載例）'!$G$15))</f>
        <v/>
      </c>
    </row>
    <row r="23" spans="1:11" ht="19.95" customHeight="1" x14ac:dyDescent="0.2">
      <c r="A23" s="37">
        <v>21</v>
      </c>
      <c r="B23" s="34" t="str">
        <f>IF(C23=0,"",IF('申請書（記載例）'!$G$10=0,"",'申請書（記載例）'!$G$10))</f>
        <v/>
      </c>
      <c r="C23" s="69"/>
      <c r="D23" s="69"/>
      <c r="E23" s="69"/>
      <c r="F23" s="69"/>
      <c r="G23" s="35" t="str">
        <f>IF(C23=0,"",IF('申請書（記載例）'!$G$8=0,"",'申請書（記載例）'!$G$8))</f>
        <v/>
      </c>
      <c r="H23" s="36" t="str">
        <f>IF(C23=0,"",IF('申請書（記載例）'!$G$9=0,"",'申請書（記載例）'!$G$9))</f>
        <v/>
      </c>
      <c r="I23" s="36" t="str">
        <f>IF(C23=0,"",IF('申請書（記載例）'!$G$13=0,"",'申請書（記載例）'!$G$13))</f>
        <v/>
      </c>
      <c r="J23" s="37" t="str">
        <f>IF(C23=0,"",IF('申請書（記載例）'!$G$14=0,"",'申請書（記載例）'!$G$14))</f>
        <v/>
      </c>
      <c r="K23" s="37" t="str">
        <f>IF(C23=0,"",IF('申請書（記載例）'!$G$15=0,"",'申請書（記載例）'!$G$15))</f>
        <v/>
      </c>
    </row>
    <row r="24" spans="1:11" ht="19.95" customHeight="1" x14ac:dyDescent="0.2">
      <c r="A24" s="37">
        <v>22</v>
      </c>
      <c r="B24" s="34" t="str">
        <f>IF(C24=0,"",IF('申請書（記載例）'!$G$10=0,"",'申請書（記載例）'!$G$10))</f>
        <v/>
      </c>
      <c r="C24" s="69"/>
      <c r="D24" s="69"/>
      <c r="E24" s="69"/>
      <c r="F24" s="69"/>
      <c r="G24" s="35" t="str">
        <f>IF(C24=0,"",IF('申請書（記載例）'!$G$8=0,"",'申請書（記載例）'!$G$8))</f>
        <v/>
      </c>
      <c r="H24" s="36" t="str">
        <f>IF(C24=0,"",IF('申請書（記載例）'!$G$9=0,"",'申請書（記載例）'!$G$9))</f>
        <v/>
      </c>
      <c r="I24" s="36" t="str">
        <f>IF(C24=0,"",IF('申請書（記載例）'!$G$13=0,"",'申請書（記載例）'!$G$13))</f>
        <v/>
      </c>
      <c r="J24" s="37" t="str">
        <f>IF(C24=0,"",IF('申請書（記載例）'!$G$14=0,"",'申請書（記載例）'!$G$14))</f>
        <v/>
      </c>
      <c r="K24" s="37" t="str">
        <f>IF(C24=0,"",IF('申請書（記載例）'!$G$15=0,"",'申請書（記載例）'!$G$15))</f>
        <v/>
      </c>
    </row>
    <row r="25" spans="1:11" ht="19.95" customHeight="1" x14ac:dyDescent="0.2">
      <c r="A25" s="37">
        <v>23</v>
      </c>
      <c r="B25" s="34" t="str">
        <f>IF(C25=0,"",IF('申請書（記載例）'!$G$10=0,"",'申請書（記載例）'!$G$10))</f>
        <v/>
      </c>
      <c r="C25" s="69"/>
      <c r="D25" s="69"/>
      <c r="E25" s="69"/>
      <c r="F25" s="69"/>
      <c r="G25" s="35" t="str">
        <f>IF(C25=0,"",IF('申請書（記載例）'!$G$8=0,"",'申請書（記載例）'!$G$8))</f>
        <v/>
      </c>
      <c r="H25" s="36" t="str">
        <f>IF(C25=0,"",IF('申請書（記載例）'!$G$9=0,"",'申請書（記載例）'!$G$9))</f>
        <v/>
      </c>
      <c r="I25" s="36" t="str">
        <f>IF(C25=0,"",IF('申請書（記載例）'!$G$13=0,"",'申請書（記載例）'!$G$13))</f>
        <v/>
      </c>
      <c r="J25" s="37" t="str">
        <f>IF(C25=0,"",IF('申請書（記載例）'!$G$14=0,"",'申請書（記載例）'!$G$14))</f>
        <v/>
      </c>
      <c r="K25" s="37" t="str">
        <f>IF(C25=0,"",IF('申請書（記載例）'!$G$15=0,"",'申請書（記載例）'!$G$15))</f>
        <v/>
      </c>
    </row>
    <row r="26" spans="1:11" ht="19.95" customHeight="1" x14ac:dyDescent="0.2">
      <c r="A26" s="37">
        <v>24</v>
      </c>
      <c r="B26" s="34" t="str">
        <f>IF(C26=0,"",IF('申請書（記載例）'!$G$10=0,"",'申請書（記載例）'!$G$10))</f>
        <v/>
      </c>
      <c r="C26" s="69"/>
      <c r="D26" s="69"/>
      <c r="E26" s="69"/>
      <c r="F26" s="69"/>
      <c r="G26" s="35" t="str">
        <f>IF(C26=0,"",IF('申請書（記載例）'!$G$8=0,"",'申請書（記載例）'!$G$8))</f>
        <v/>
      </c>
      <c r="H26" s="36" t="str">
        <f>IF(C26=0,"",IF('申請書（記載例）'!$G$9=0,"",'申請書（記載例）'!$G$9))</f>
        <v/>
      </c>
      <c r="I26" s="36" t="str">
        <f>IF(C26=0,"",IF('申請書（記載例）'!$G$13=0,"",'申請書（記載例）'!$G$13))</f>
        <v/>
      </c>
      <c r="J26" s="37" t="str">
        <f>IF(C26=0,"",IF('申請書（記載例）'!$G$14=0,"",'申請書（記載例）'!$G$14))</f>
        <v/>
      </c>
      <c r="K26" s="37" t="str">
        <f>IF(C26=0,"",IF('申請書（記載例）'!$G$15=0,"",'申請書（記載例）'!$G$15))</f>
        <v/>
      </c>
    </row>
    <row r="27" spans="1:11" ht="19.95" customHeight="1" x14ac:dyDescent="0.2">
      <c r="A27" s="37">
        <v>25</v>
      </c>
      <c r="B27" s="34" t="str">
        <f>IF(C27=0,"",IF('申請書（記載例）'!$G$10=0,"",'申請書（記載例）'!$G$10))</f>
        <v/>
      </c>
      <c r="C27" s="69"/>
      <c r="D27" s="69"/>
      <c r="E27" s="69"/>
      <c r="F27" s="69"/>
      <c r="G27" s="35" t="str">
        <f>IF(C27=0,"",IF('申請書（記載例）'!$G$8=0,"",'申請書（記載例）'!$G$8))</f>
        <v/>
      </c>
      <c r="H27" s="36" t="str">
        <f>IF(C27=0,"",IF('申請書（記載例）'!$G$9=0,"",'申請書（記載例）'!$G$9))</f>
        <v/>
      </c>
      <c r="I27" s="36" t="str">
        <f>IF(C27=0,"",IF('申請書（記載例）'!$G$13=0,"",'申請書（記載例）'!$G$13))</f>
        <v/>
      </c>
      <c r="J27" s="37" t="str">
        <f>IF(C27=0,"",IF('申請書（記載例）'!$G$14=0,"",'申請書（記載例）'!$G$14))</f>
        <v/>
      </c>
      <c r="K27" s="37" t="str">
        <f>IF(C27=0,"",IF('申請書（記載例）'!$G$15=0,"",'申請書（記載例）'!$G$15))</f>
        <v/>
      </c>
    </row>
    <row r="28" spans="1:11" ht="19.95" customHeight="1" x14ac:dyDescent="0.2">
      <c r="A28" s="37">
        <v>26</v>
      </c>
      <c r="B28" s="34" t="str">
        <f>IF(C28=0,"",IF('申請書（記載例）'!$G$10=0,"",'申請書（記載例）'!$G$10))</f>
        <v/>
      </c>
      <c r="C28" s="69"/>
      <c r="D28" s="69"/>
      <c r="E28" s="69"/>
      <c r="F28" s="69"/>
      <c r="G28" s="35" t="str">
        <f>IF(C28=0,"",IF('申請書（記載例）'!$G$8=0,"",'申請書（記載例）'!$G$8))</f>
        <v/>
      </c>
      <c r="H28" s="36" t="str">
        <f>IF(C28=0,"",IF('申請書（記載例）'!$G$9=0,"",'申請書（記載例）'!$G$9))</f>
        <v/>
      </c>
      <c r="I28" s="36" t="str">
        <f>IF(C28=0,"",IF('申請書（記載例）'!$G$13=0,"",'申請書（記載例）'!$G$13))</f>
        <v/>
      </c>
      <c r="J28" s="37" t="str">
        <f>IF(C28=0,"",IF('申請書（記載例）'!$G$14=0,"",'申請書（記載例）'!$G$14))</f>
        <v/>
      </c>
      <c r="K28" s="37" t="str">
        <f>IF(C28=0,"",IF('申請書（記載例）'!$G$15=0,"",'申請書（記載例）'!$G$15))</f>
        <v/>
      </c>
    </row>
    <row r="29" spans="1:11" ht="19.95" customHeight="1" x14ac:dyDescent="0.2">
      <c r="A29" s="37">
        <v>27</v>
      </c>
      <c r="B29" s="34" t="str">
        <f>IF(C29=0,"",IF('申請書（記載例）'!$G$10=0,"",'申請書（記載例）'!$G$10))</f>
        <v/>
      </c>
      <c r="C29" s="69"/>
      <c r="D29" s="69"/>
      <c r="E29" s="69"/>
      <c r="F29" s="69"/>
      <c r="G29" s="35" t="str">
        <f>IF(C29=0,"",IF('申請書（記載例）'!$G$8=0,"",'申請書（記載例）'!$G$8))</f>
        <v/>
      </c>
      <c r="H29" s="36" t="str">
        <f>IF(C29=0,"",IF('申請書（記載例）'!$G$9=0,"",'申請書（記載例）'!$G$9))</f>
        <v/>
      </c>
      <c r="I29" s="36" t="str">
        <f>IF(C29=0,"",IF('申請書（記載例）'!$G$13=0,"",'申請書（記載例）'!$G$13))</f>
        <v/>
      </c>
      <c r="J29" s="37" t="str">
        <f>IF(C29=0,"",IF('申請書（記載例）'!$G$14=0,"",'申請書（記載例）'!$G$14))</f>
        <v/>
      </c>
      <c r="K29" s="37" t="str">
        <f>IF(C29=0,"",IF('申請書（記載例）'!$G$15=0,"",'申請書（記載例）'!$G$15))</f>
        <v/>
      </c>
    </row>
    <row r="30" spans="1:11" ht="19.95" customHeight="1" x14ac:dyDescent="0.2">
      <c r="A30" s="37">
        <v>28</v>
      </c>
      <c r="B30" s="34" t="str">
        <f>IF(C30=0,"",IF('申請書（記載例）'!$G$10=0,"",'申請書（記載例）'!$G$10))</f>
        <v/>
      </c>
      <c r="C30" s="69"/>
      <c r="D30" s="69"/>
      <c r="E30" s="69"/>
      <c r="F30" s="69"/>
      <c r="G30" s="35" t="str">
        <f>IF(C30=0,"",IF('申請書（記載例）'!$G$8=0,"",'申請書（記載例）'!$G$8))</f>
        <v/>
      </c>
      <c r="H30" s="36" t="str">
        <f>IF(C30=0,"",IF('申請書（記載例）'!$G$9=0,"",'申請書（記載例）'!$G$9))</f>
        <v/>
      </c>
      <c r="I30" s="36" t="str">
        <f>IF(C30=0,"",IF('申請書（記載例）'!$G$13=0,"",'申請書（記載例）'!$G$13))</f>
        <v/>
      </c>
      <c r="J30" s="37" t="str">
        <f>IF(C30=0,"",IF('申請書（記載例）'!$G$14=0,"",'申請書（記載例）'!$G$14))</f>
        <v/>
      </c>
      <c r="K30" s="37" t="str">
        <f>IF(C30=0,"",IF('申請書（記載例）'!$G$15=0,"",'申請書（記載例）'!$G$15))</f>
        <v/>
      </c>
    </row>
    <row r="31" spans="1:11" ht="19.95" customHeight="1" x14ac:dyDescent="0.2">
      <c r="A31" s="37">
        <v>29</v>
      </c>
      <c r="B31" s="34" t="str">
        <f>IF(C31=0,"",IF('申請書（記載例）'!$G$10=0,"",'申請書（記載例）'!$G$10))</f>
        <v/>
      </c>
      <c r="C31" s="69"/>
      <c r="D31" s="69"/>
      <c r="E31" s="69"/>
      <c r="F31" s="69"/>
      <c r="G31" s="35" t="str">
        <f>IF(C31=0,"",IF('申請書（記載例）'!$G$8=0,"",'申請書（記載例）'!$G$8))</f>
        <v/>
      </c>
      <c r="H31" s="36" t="str">
        <f>IF(C31=0,"",IF('申請書（記載例）'!$G$9=0,"",'申請書（記載例）'!$G$9))</f>
        <v/>
      </c>
      <c r="I31" s="36" t="str">
        <f>IF(C31=0,"",IF('申請書（記載例）'!$G$13=0,"",'申請書（記載例）'!$G$13))</f>
        <v/>
      </c>
      <c r="J31" s="37" t="str">
        <f>IF(C31=0,"",IF('申請書（記載例）'!$G$14=0,"",'申請書（記載例）'!$G$14))</f>
        <v/>
      </c>
      <c r="K31" s="37" t="str">
        <f>IF(C31=0,"",IF('申請書（記載例）'!$G$15=0,"",'申請書（記載例）'!$G$15))</f>
        <v/>
      </c>
    </row>
    <row r="32" spans="1:11" ht="19.95" customHeight="1" x14ac:dyDescent="0.2">
      <c r="A32" s="37">
        <v>30</v>
      </c>
      <c r="B32" s="34" t="str">
        <f>IF(C32=0,"",IF('申請書（記載例）'!$G$10=0,"",'申請書（記載例）'!$G$10))</f>
        <v/>
      </c>
      <c r="C32" s="69"/>
      <c r="D32" s="69"/>
      <c r="E32" s="69"/>
      <c r="F32" s="69"/>
      <c r="G32" s="35" t="str">
        <f>IF(C32=0,"",IF('申請書（記載例）'!$G$8=0,"",'申請書（記載例）'!$G$8))</f>
        <v/>
      </c>
      <c r="H32" s="36" t="str">
        <f>IF(C32=0,"",IF('申請書（記載例）'!$G$9=0,"",'申請書（記載例）'!$G$9))</f>
        <v/>
      </c>
      <c r="I32" s="36" t="str">
        <f>IF(C32=0,"",IF('申請書（記載例）'!$G$13=0,"",'申請書（記載例）'!$G$13))</f>
        <v/>
      </c>
      <c r="J32" s="37" t="str">
        <f>IF(C32=0,"",IF('申請書（記載例）'!$G$14=0,"",'申請書（記載例）'!$G$14))</f>
        <v/>
      </c>
      <c r="K32" s="37" t="str">
        <f>IF(C32=0,"",IF('申請書（記載例）'!$G$15=0,"",'申請書（記載例）'!$G$15))</f>
        <v/>
      </c>
    </row>
    <row r="33" spans="1:11" ht="19.95" customHeight="1" x14ac:dyDescent="0.2">
      <c r="A33" s="37">
        <v>31</v>
      </c>
      <c r="B33" s="34" t="str">
        <f>IF(C33=0,"",IF('申請書（記載例）'!$G$10=0,"",'申請書（記載例）'!$G$10))</f>
        <v/>
      </c>
      <c r="C33" s="69"/>
      <c r="D33" s="69"/>
      <c r="E33" s="69"/>
      <c r="F33" s="69"/>
      <c r="G33" s="35" t="str">
        <f>IF(C33=0,"",IF('申請書（記載例）'!$G$8=0,"",'申請書（記載例）'!$G$8))</f>
        <v/>
      </c>
      <c r="H33" s="36" t="str">
        <f>IF(C33=0,"",IF('申請書（記載例）'!$G$9=0,"",'申請書（記載例）'!$G$9))</f>
        <v/>
      </c>
      <c r="I33" s="36" t="str">
        <f>IF(C33=0,"",IF('申請書（記載例）'!$G$13=0,"",'申請書（記載例）'!$G$13))</f>
        <v/>
      </c>
      <c r="J33" s="37" t="str">
        <f>IF(C33=0,"",IF('申請書（記載例）'!$G$14=0,"",'申請書（記載例）'!$G$14))</f>
        <v/>
      </c>
      <c r="K33" s="37" t="str">
        <f>IF(C33=0,"",IF('申請書（記載例）'!$G$15=0,"",'申請書（記載例）'!$G$15))</f>
        <v/>
      </c>
    </row>
    <row r="34" spans="1:11" ht="19.95" customHeight="1" x14ac:dyDescent="0.2">
      <c r="A34" s="37">
        <v>32</v>
      </c>
      <c r="B34" s="34" t="str">
        <f>IF(C34=0,"",IF('申請書（記載例）'!$G$10=0,"",'申請書（記載例）'!$G$10))</f>
        <v/>
      </c>
      <c r="C34" s="69"/>
      <c r="D34" s="69"/>
      <c r="E34" s="69"/>
      <c r="F34" s="69"/>
      <c r="G34" s="35" t="str">
        <f>IF(C34=0,"",IF('申請書（記載例）'!$G$8=0,"",'申請書（記載例）'!$G$8))</f>
        <v/>
      </c>
      <c r="H34" s="36" t="str">
        <f>IF(C34=0,"",IF('申請書（記載例）'!$G$9=0,"",'申請書（記載例）'!$G$9))</f>
        <v/>
      </c>
      <c r="I34" s="36" t="str">
        <f>IF(C34=0,"",IF('申請書（記載例）'!$G$13=0,"",'申請書（記載例）'!$G$13))</f>
        <v/>
      </c>
      <c r="J34" s="37" t="str">
        <f>IF(C34=0,"",IF('申請書（記載例）'!$G$14=0,"",'申請書（記載例）'!$G$14))</f>
        <v/>
      </c>
      <c r="K34" s="37" t="str">
        <f>IF(C34=0,"",IF('申請書（記載例）'!$G$15=0,"",'申請書（記載例）'!$G$15))</f>
        <v/>
      </c>
    </row>
    <row r="35" spans="1:11" ht="19.95" customHeight="1" x14ac:dyDescent="0.2">
      <c r="A35" s="37">
        <v>33</v>
      </c>
      <c r="B35" s="34" t="str">
        <f>IF(C35=0,"",IF('申請書（記載例）'!$G$10=0,"",'申請書（記載例）'!$G$10))</f>
        <v/>
      </c>
      <c r="C35" s="69"/>
      <c r="D35" s="69"/>
      <c r="E35" s="69"/>
      <c r="F35" s="69"/>
      <c r="G35" s="35" t="str">
        <f>IF(C35=0,"",IF('申請書（記載例）'!$G$8=0,"",'申請書（記載例）'!$G$8))</f>
        <v/>
      </c>
      <c r="H35" s="36" t="str">
        <f>IF(C35=0,"",IF('申請書（記載例）'!$G$9=0,"",'申請書（記載例）'!$G$9))</f>
        <v/>
      </c>
      <c r="I35" s="36" t="str">
        <f>IF(C35=0,"",IF('申請書（記載例）'!$G$13=0,"",'申請書（記載例）'!$G$13))</f>
        <v/>
      </c>
      <c r="J35" s="37" t="str">
        <f>IF(C35=0,"",IF('申請書（記載例）'!$G$14=0,"",'申請書（記載例）'!$G$14))</f>
        <v/>
      </c>
      <c r="K35" s="37" t="str">
        <f>IF(C35=0,"",IF('申請書（記載例）'!$G$15=0,"",'申請書（記載例）'!$G$15))</f>
        <v/>
      </c>
    </row>
    <row r="36" spans="1:11" ht="19.95" customHeight="1" x14ac:dyDescent="0.2">
      <c r="A36" s="37">
        <v>34</v>
      </c>
      <c r="B36" s="34" t="str">
        <f>IF(C36=0,"",IF('申請書（記載例）'!$G$10=0,"",'申請書（記載例）'!$G$10))</f>
        <v/>
      </c>
      <c r="C36" s="69"/>
      <c r="D36" s="69"/>
      <c r="E36" s="69"/>
      <c r="F36" s="69"/>
      <c r="G36" s="35" t="str">
        <f>IF(C36=0,"",IF('申請書（記載例）'!$G$8=0,"",'申請書（記載例）'!$G$8))</f>
        <v/>
      </c>
      <c r="H36" s="36" t="str">
        <f>IF(C36=0,"",IF('申請書（記載例）'!$G$9=0,"",'申請書（記載例）'!$G$9))</f>
        <v/>
      </c>
      <c r="I36" s="36" t="str">
        <f>IF(C36=0,"",IF('申請書（記載例）'!$G$13=0,"",'申請書（記載例）'!$G$13))</f>
        <v/>
      </c>
      <c r="J36" s="37" t="str">
        <f>IF(C36=0,"",IF('申請書（記載例）'!$G$14=0,"",'申請書（記載例）'!$G$14))</f>
        <v/>
      </c>
      <c r="K36" s="37" t="str">
        <f>IF(C36=0,"",IF('申請書（記載例）'!$G$15=0,"",'申請書（記載例）'!$G$15))</f>
        <v/>
      </c>
    </row>
    <row r="37" spans="1:11" ht="19.95" customHeight="1" x14ac:dyDescent="0.2">
      <c r="A37" s="37">
        <v>35</v>
      </c>
      <c r="B37" s="34" t="str">
        <f>IF(C37=0,"",IF('申請書（記載例）'!$G$10=0,"",'申請書（記載例）'!$G$10))</f>
        <v/>
      </c>
      <c r="C37" s="69"/>
      <c r="D37" s="69"/>
      <c r="E37" s="69"/>
      <c r="F37" s="69"/>
      <c r="G37" s="35" t="str">
        <f>IF(C37=0,"",IF('申請書（記載例）'!$G$8=0,"",'申請書（記載例）'!$G$8))</f>
        <v/>
      </c>
      <c r="H37" s="36" t="str">
        <f>IF(C37=0,"",IF('申請書（記載例）'!$G$9=0,"",'申請書（記載例）'!$G$9))</f>
        <v/>
      </c>
      <c r="I37" s="36" t="str">
        <f>IF(C37=0,"",IF('申請書（記載例）'!$G$13=0,"",'申請書（記載例）'!$G$13))</f>
        <v/>
      </c>
      <c r="J37" s="37" t="str">
        <f>IF(C37=0,"",IF('申請書（記載例）'!$G$14=0,"",'申請書（記載例）'!$G$14))</f>
        <v/>
      </c>
      <c r="K37" s="37" t="str">
        <f>IF(C37=0,"",IF('申請書（記載例）'!$G$15=0,"",'申請書（記載例）'!$G$15))</f>
        <v/>
      </c>
    </row>
    <row r="38" spans="1:11" ht="19.95" customHeight="1" x14ac:dyDescent="0.2">
      <c r="A38" s="37">
        <v>36</v>
      </c>
      <c r="B38" s="34" t="str">
        <f>IF(C38=0,"",IF('申請書（記載例）'!$G$10=0,"",'申請書（記載例）'!$G$10))</f>
        <v/>
      </c>
      <c r="C38" s="69"/>
      <c r="D38" s="69"/>
      <c r="E38" s="69"/>
      <c r="F38" s="69"/>
      <c r="G38" s="35" t="str">
        <f>IF(C38=0,"",IF('申請書（記載例）'!$G$8=0,"",'申請書（記載例）'!$G$8))</f>
        <v/>
      </c>
      <c r="H38" s="36" t="str">
        <f>IF(C38=0,"",IF('申請書（記載例）'!$G$9=0,"",'申請書（記載例）'!$G$9))</f>
        <v/>
      </c>
      <c r="I38" s="36" t="str">
        <f>IF(C38=0,"",IF('申請書（記載例）'!$G$13=0,"",'申請書（記載例）'!$G$13))</f>
        <v/>
      </c>
      <c r="J38" s="37" t="str">
        <f>IF(C38=0,"",IF('申請書（記載例）'!$G$14=0,"",'申請書（記載例）'!$G$14))</f>
        <v/>
      </c>
      <c r="K38" s="37" t="str">
        <f>IF(C38=0,"",IF('申請書（記載例）'!$G$15=0,"",'申請書（記載例）'!$G$15))</f>
        <v/>
      </c>
    </row>
    <row r="39" spans="1:11" ht="19.95" customHeight="1" x14ac:dyDescent="0.2">
      <c r="A39" s="37">
        <v>37</v>
      </c>
      <c r="B39" s="34" t="str">
        <f>IF(C39=0,"",IF('申請書（記載例）'!$G$10=0,"",'申請書（記載例）'!$G$10))</f>
        <v/>
      </c>
      <c r="C39" s="69"/>
      <c r="D39" s="69"/>
      <c r="E39" s="69"/>
      <c r="F39" s="69"/>
      <c r="G39" s="35" t="str">
        <f>IF(C39=0,"",IF('申請書（記載例）'!$G$8=0,"",'申請書（記載例）'!$G$8))</f>
        <v/>
      </c>
      <c r="H39" s="36" t="str">
        <f>IF(C39=0,"",IF('申請書（記載例）'!$G$9=0,"",'申請書（記載例）'!$G$9))</f>
        <v/>
      </c>
      <c r="I39" s="36" t="str">
        <f>IF(C39=0,"",IF('申請書（記載例）'!$G$13=0,"",'申請書（記載例）'!$G$13))</f>
        <v/>
      </c>
      <c r="J39" s="37" t="str">
        <f>IF(C39=0,"",IF('申請書（記載例）'!$G$14=0,"",'申請書（記載例）'!$G$14))</f>
        <v/>
      </c>
      <c r="K39" s="37" t="str">
        <f>IF(C39=0,"",IF('申請書（記載例）'!$G$15=0,"",'申請書（記載例）'!$G$15))</f>
        <v/>
      </c>
    </row>
    <row r="40" spans="1:11" ht="19.95" customHeight="1" x14ac:dyDescent="0.2">
      <c r="A40" s="37">
        <v>38</v>
      </c>
      <c r="B40" s="34" t="str">
        <f>IF(C40=0,"",IF('申請書（記載例）'!$G$10=0,"",'申請書（記載例）'!$G$10))</f>
        <v/>
      </c>
      <c r="C40" s="69"/>
      <c r="D40" s="69"/>
      <c r="E40" s="69"/>
      <c r="F40" s="69"/>
      <c r="G40" s="35" t="str">
        <f>IF(C40=0,"",IF('申請書（記載例）'!$G$8=0,"",'申請書（記載例）'!$G$8))</f>
        <v/>
      </c>
      <c r="H40" s="36" t="str">
        <f>IF(C40=0,"",IF('申請書（記載例）'!$G$9=0,"",'申請書（記載例）'!$G$9))</f>
        <v/>
      </c>
      <c r="I40" s="36" t="str">
        <f>IF(C40=0,"",IF('申請書（記載例）'!$G$13=0,"",'申請書（記載例）'!$G$13))</f>
        <v/>
      </c>
      <c r="J40" s="37" t="str">
        <f>IF(C40=0,"",IF('申請書（記載例）'!$G$14=0,"",'申請書（記載例）'!$G$14))</f>
        <v/>
      </c>
      <c r="K40" s="37" t="str">
        <f>IF(C40=0,"",IF('申請書（記載例）'!$G$15=0,"",'申請書（記載例）'!$G$15))</f>
        <v/>
      </c>
    </row>
    <row r="41" spans="1:11" ht="19.95" customHeight="1" x14ac:dyDescent="0.2">
      <c r="A41" s="37">
        <v>39</v>
      </c>
      <c r="B41" s="34" t="str">
        <f>IF(C41=0,"",IF('申請書（記載例）'!$G$10=0,"",'申請書（記載例）'!$G$10))</f>
        <v/>
      </c>
      <c r="C41" s="69"/>
      <c r="D41" s="69"/>
      <c r="E41" s="69"/>
      <c r="F41" s="69"/>
      <c r="G41" s="35" t="str">
        <f>IF(C41=0,"",IF('申請書（記載例）'!$G$8=0,"",'申請書（記載例）'!$G$8))</f>
        <v/>
      </c>
      <c r="H41" s="36" t="str">
        <f>IF(C41=0,"",IF('申請書（記載例）'!$G$9=0,"",'申請書（記載例）'!$G$9))</f>
        <v/>
      </c>
      <c r="I41" s="36" t="str">
        <f>IF(C41=0,"",IF('申請書（記載例）'!$G$13=0,"",'申請書（記載例）'!$G$13))</f>
        <v/>
      </c>
      <c r="J41" s="37" t="str">
        <f>IF(C41=0,"",IF('申請書（記載例）'!$G$14=0,"",'申請書（記載例）'!$G$14))</f>
        <v/>
      </c>
      <c r="K41" s="37" t="str">
        <f>IF(C41=0,"",IF('申請書（記載例）'!$G$15=0,"",'申請書（記載例）'!$G$15))</f>
        <v/>
      </c>
    </row>
    <row r="42" spans="1:11" ht="19.95" customHeight="1" x14ac:dyDescent="0.2">
      <c r="A42" s="37">
        <v>40</v>
      </c>
      <c r="B42" s="34" t="str">
        <f>IF(C42=0,"",IF('申請書（記載例）'!$G$10=0,"",'申請書（記載例）'!$G$10))</f>
        <v/>
      </c>
      <c r="C42" s="69"/>
      <c r="D42" s="69"/>
      <c r="E42" s="69"/>
      <c r="F42" s="69"/>
      <c r="G42" s="35" t="str">
        <f>IF(C42=0,"",IF('申請書（記載例）'!$G$8=0,"",'申請書（記載例）'!$G$8))</f>
        <v/>
      </c>
      <c r="H42" s="36" t="str">
        <f>IF(C42=0,"",IF('申請書（記載例）'!$G$9=0,"",'申請書（記載例）'!$G$9))</f>
        <v/>
      </c>
      <c r="I42" s="36" t="str">
        <f>IF(C42=0,"",IF('申請書（記載例）'!$G$13=0,"",'申請書（記載例）'!$G$13))</f>
        <v/>
      </c>
      <c r="J42" s="37" t="str">
        <f>IF(C42=0,"",IF('申請書（記載例）'!$G$14=0,"",'申請書（記載例）'!$G$14))</f>
        <v/>
      </c>
      <c r="K42" s="37" t="str">
        <f>IF(C42=0,"",IF('申請書（記載例）'!$G$15=0,"",'申請書（記載例）'!$G$15))</f>
        <v/>
      </c>
    </row>
    <row r="43" spans="1:11" ht="19.95" customHeight="1" x14ac:dyDescent="0.2">
      <c r="A43" s="37">
        <v>41</v>
      </c>
      <c r="B43" s="34" t="str">
        <f>IF(C43=0,"",IF('申請書（記載例）'!$G$10=0,"",'申請書（記載例）'!$G$10))</f>
        <v/>
      </c>
      <c r="C43" s="69"/>
      <c r="D43" s="69"/>
      <c r="E43" s="69"/>
      <c r="F43" s="69"/>
      <c r="G43" s="35" t="str">
        <f>IF(C43=0,"",IF('申請書（記載例）'!$G$8=0,"",'申請書（記載例）'!$G$8))</f>
        <v/>
      </c>
      <c r="H43" s="36" t="str">
        <f>IF(C43=0,"",IF('申請書（記載例）'!$G$9=0,"",'申請書（記載例）'!$G$9))</f>
        <v/>
      </c>
      <c r="I43" s="36" t="str">
        <f>IF(C43=0,"",IF('申請書（記載例）'!$G$13=0,"",'申請書（記載例）'!$G$13))</f>
        <v/>
      </c>
      <c r="J43" s="37" t="str">
        <f>IF(C43=0,"",IF('申請書（記載例）'!$G$14=0,"",'申請書（記載例）'!$G$14))</f>
        <v/>
      </c>
      <c r="K43" s="37" t="str">
        <f>IF(C43=0,"",IF('申請書（記載例）'!$G$15=0,"",'申請書（記載例）'!$G$15))</f>
        <v/>
      </c>
    </row>
    <row r="44" spans="1:11" ht="19.95" customHeight="1" x14ac:dyDescent="0.2">
      <c r="A44" s="37">
        <v>42</v>
      </c>
      <c r="B44" s="34" t="str">
        <f>IF(C44=0,"",IF('申請書（記載例）'!$G$10=0,"",'申請書（記載例）'!$G$10))</f>
        <v/>
      </c>
      <c r="C44" s="69"/>
      <c r="D44" s="69"/>
      <c r="E44" s="69"/>
      <c r="F44" s="69"/>
      <c r="G44" s="35" t="str">
        <f>IF(C44=0,"",IF('申請書（記載例）'!$G$8=0,"",'申請書（記載例）'!$G$8))</f>
        <v/>
      </c>
      <c r="H44" s="36" t="str">
        <f>IF(C44=0,"",IF('申請書（記載例）'!$G$9=0,"",'申請書（記載例）'!$G$9))</f>
        <v/>
      </c>
      <c r="I44" s="36" t="str">
        <f>IF(C44=0,"",IF('申請書（記載例）'!$G$13=0,"",'申請書（記載例）'!$G$13))</f>
        <v/>
      </c>
      <c r="J44" s="37" t="str">
        <f>IF(C44=0,"",IF('申請書（記載例）'!$G$14=0,"",'申請書（記載例）'!$G$14))</f>
        <v/>
      </c>
      <c r="K44" s="37" t="str">
        <f>IF(C44=0,"",IF('申請書（記載例）'!$G$15=0,"",'申請書（記載例）'!$G$15))</f>
        <v/>
      </c>
    </row>
    <row r="45" spans="1:11" ht="19.95" customHeight="1" x14ac:dyDescent="0.2">
      <c r="A45" s="37">
        <v>43</v>
      </c>
      <c r="B45" s="34" t="str">
        <f>IF(C45=0,"",IF('申請書（記載例）'!$G$10=0,"",'申請書（記載例）'!$G$10))</f>
        <v/>
      </c>
      <c r="C45" s="69"/>
      <c r="D45" s="69"/>
      <c r="E45" s="69"/>
      <c r="F45" s="69"/>
      <c r="G45" s="35" t="str">
        <f>IF(C45=0,"",IF('申請書（記載例）'!$G$8=0,"",'申請書（記載例）'!$G$8))</f>
        <v/>
      </c>
      <c r="H45" s="36" t="str">
        <f>IF(C45=0,"",IF('申請書（記載例）'!$G$9=0,"",'申請書（記載例）'!$G$9))</f>
        <v/>
      </c>
      <c r="I45" s="36" t="str">
        <f>IF(C45=0,"",IF('申請書（記載例）'!$G$13=0,"",'申請書（記載例）'!$G$13))</f>
        <v/>
      </c>
      <c r="J45" s="37" t="str">
        <f>IF(C45=0,"",IF('申請書（記載例）'!$G$14=0,"",'申請書（記載例）'!$G$14))</f>
        <v/>
      </c>
      <c r="K45" s="37" t="str">
        <f>IF(C45=0,"",IF('申請書（記載例）'!$G$15=0,"",'申請書（記載例）'!$G$15))</f>
        <v/>
      </c>
    </row>
    <row r="46" spans="1:11" ht="19.95" customHeight="1" x14ac:dyDescent="0.2">
      <c r="A46" s="37">
        <v>44</v>
      </c>
      <c r="B46" s="34" t="str">
        <f>IF(C46=0,"",IF('申請書（記載例）'!$G$10=0,"",'申請書（記載例）'!$G$10))</f>
        <v/>
      </c>
      <c r="C46" s="69"/>
      <c r="D46" s="69"/>
      <c r="E46" s="69"/>
      <c r="F46" s="69"/>
      <c r="G46" s="35" t="str">
        <f>IF(C46=0,"",IF('申請書（記載例）'!$G$8=0,"",'申請書（記載例）'!$G$8))</f>
        <v/>
      </c>
      <c r="H46" s="36" t="str">
        <f>IF(C46=0,"",IF('申請書（記載例）'!$G$9=0,"",'申請書（記載例）'!$G$9))</f>
        <v/>
      </c>
      <c r="I46" s="36" t="str">
        <f>IF(C46=0,"",IF('申請書（記載例）'!$G$13=0,"",'申請書（記載例）'!$G$13))</f>
        <v/>
      </c>
      <c r="J46" s="37" t="str">
        <f>IF(C46=0,"",IF('申請書（記載例）'!$G$14=0,"",'申請書（記載例）'!$G$14))</f>
        <v/>
      </c>
      <c r="K46" s="37" t="str">
        <f>IF(C46=0,"",IF('申請書（記載例）'!$G$15=0,"",'申請書（記載例）'!$G$15))</f>
        <v/>
      </c>
    </row>
    <row r="47" spans="1:11" ht="19.95" customHeight="1" x14ac:dyDescent="0.2">
      <c r="A47" s="37">
        <v>45</v>
      </c>
      <c r="B47" s="34" t="str">
        <f>IF(C47=0,"",IF('申請書（記載例）'!$G$10=0,"",'申請書（記載例）'!$G$10))</f>
        <v/>
      </c>
      <c r="C47" s="69"/>
      <c r="D47" s="69"/>
      <c r="E47" s="69"/>
      <c r="F47" s="69"/>
      <c r="G47" s="35" t="str">
        <f>IF(C47=0,"",IF('申請書（記載例）'!$G$8=0,"",'申請書（記載例）'!$G$8))</f>
        <v/>
      </c>
      <c r="H47" s="36" t="str">
        <f>IF(C47=0,"",IF('申請書（記載例）'!$G$9=0,"",'申請書（記載例）'!$G$9))</f>
        <v/>
      </c>
      <c r="I47" s="36" t="str">
        <f>IF(C47=0,"",IF('申請書（記載例）'!$G$13=0,"",'申請書（記載例）'!$G$13))</f>
        <v/>
      </c>
      <c r="J47" s="37" t="str">
        <f>IF(C47=0,"",IF('申請書（記載例）'!$G$14=0,"",'申請書（記載例）'!$G$14))</f>
        <v/>
      </c>
      <c r="K47" s="37" t="str">
        <f>IF(C47=0,"",IF('申請書（記載例）'!$G$15=0,"",'申請書（記載例）'!$G$15))</f>
        <v/>
      </c>
    </row>
    <row r="48" spans="1:11" ht="19.95" customHeight="1" x14ac:dyDescent="0.2">
      <c r="A48" s="37">
        <v>46</v>
      </c>
      <c r="B48" s="34" t="str">
        <f>IF(C48=0,"",IF('申請書（記載例）'!$G$10=0,"",'申請書（記載例）'!$G$10))</f>
        <v/>
      </c>
      <c r="C48" s="69"/>
      <c r="D48" s="69"/>
      <c r="E48" s="69"/>
      <c r="F48" s="69"/>
      <c r="G48" s="35" t="str">
        <f>IF(C48=0,"",IF('申請書（記載例）'!$G$8=0,"",'申請書（記載例）'!$G$8))</f>
        <v/>
      </c>
      <c r="H48" s="36" t="str">
        <f>IF(C48=0,"",IF('申請書（記載例）'!$G$9=0,"",'申請書（記載例）'!$G$9))</f>
        <v/>
      </c>
      <c r="I48" s="36" t="str">
        <f>IF(C48=0,"",IF('申請書（記載例）'!$G$13=0,"",'申請書（記載例）'!$G$13))</f>
        <v/>
      </c>
      <c r="J48" s="37" t="str">
        <f>IF(C48=0,"",IF('申請書（記載例）'!$G$14=0,"",'申請書（記載例）'!$G$14))</f>
        <v/>
      </c>
      <c r="K48" s="37" t="str">
        <f>IF(C48=0,"",IF('申請書（記載例）'!$G$15=0,"",'申請書（記載例）'!$G$15))</f>
        <v/>
      </c>
    </row>
    <row r="49" spans="1:11" ht="19.95" customHeight="1" x14ac:dyDescent="0.2">
      <c r="A49" s="37">
        <v>47</v>
      </c>
      <c r="B49" s="34" t="str">
        <f>IF(C49=0,"",IF('申請書（記載例）'!$G$10=0,"",'申請書（記載例）'!$G$10))</f>
        <v/>
      </c>
      <c r="C49" s="69"/>
      <c r="D49" s="69"/>
      <c r="E49" s="69"/>
      <c r="F49" s="69"/>
      <c r="G49" s="35" t="str">
        <f>IF(C49=0,"",IF('申請書（記載例）'!$G$8=0,"",'申請書（記載例）'!$G$8))</f>
        <v/>
      </c>
      <c r="H49" s="36" t="str">
        <f>IF(C49=0,"",IF('申請書（記載例）'!$G$9=0,"",'申請書（記載例）'!$G$9))</f>
        <v/>
      </c>
      <c r="I49" s="36" t="str">
        <f>IF(C49=0,"",IF('申請書（記載例）'!$G$13=0,"",'申請書（記載例）'!$G$13))</f>
        <v/>
      </c>
      <c r="J49" s="37" t="str">
        <f>IF(C49=0,"",IF('申請書（記載例）'!$G$14=0,"",'申請書（記載例）'!$G$14))</f>
        <v/>
      </c>
      <c r="K49" s="37" t="str">
        <f>IF(C49=0,"",IF('申請書（記載例）'!$G$15=0,"",'申請書（記載例）'!$G$15))</f>
        <v/>
      </c>
    </row>
    <row r="50" spans="1:11" ht="19.95" customHeight="1" x14ac:dyDescent="0.2">
      <c r="A50" s="37">
        <v>48</v>
      </c>
      <c r="B50" s="34" t="str">
        <f>IF(C50=0,"",IF('申請書（記載例）'!$G$10=0,"",'申請書（記載例）'!$G$10))</f>
        <v/>
      </c>
      <c r="C50" s="69"/>
      <c r="D50" s="69"/>
      <c r="E50" s="69"/>
      <c r="F50" s="69"/>
      <c r="G50" s="35" t="str">
        <f>IF(C50=0,"",IF('申請書（記載例）'!$G$8=0,"",'申請書（記載例）'!$G$8))</f>
        <v/>
      </c>
      <c r="H50" s="36" t="str">
        <f>IF(C50=0,"",IF('申請書（記載例）'!$G$9=0,"",'申請書（記載例）'!$G$9))</f>
        <v/>
      </c>
      <c r="I50" s="36" t="str">
        <f>IF(C50=0,"",IF('申請書（記載例）'!$G$13=0,"",'申請書（記載例）'!$G$13))</f>
        <v/>
      </c>
      <c r="J50" s="37" t="str">
        <f>IF(C50=0,"",IF('申請書（記載例）'!$G$14=0,"",'申請書（記載例）'!$G$14))</f>
        <v/>
      </c>
      <c r="K50" s="37" t="str">
        <f>IF(C50=0,"",IF('申請書（記載例）'!$G$15=0,"",'申請書（記載例）'!$G$15))</f>
        <v/>
      </c>
    </row>
    <row r="51" spans="1:11" ht="19.95" customHeight="1" x14ac:dyDescent="0.2">
      <c r="A51" s="37">
        <v>49</v>
      </c>
      <c r="B51" s="34" t="str">
        <f>IF(C51=0,"",IF('申請書（記載例）'!$G$10=0,"",'申請書（記載例）'!$G$10))</f>
        <v/>
      </c>
      <c r="C51" s="69"/>
      <c r="D51" s="69"/>
      <c r="E51" s="69"/>
      <c r="F51" s="69"/>
      <c r="G51" s="35" t="str">
        <f>IF(C51=0,"",IF('申請書（記載例）'!$G$8=0,"",'申請書（記載例）'!$G$8))</f>
        <v/>
      </c>
      <c r="H51" s="36" t="str">
        <f>IF(C51=0,"",IF('申請書（記載例）'!$G$9=0,"",'申請書（記載例）'!$G$9))</f>
        <v/>
      </c>
      <c r="I51" s="36" t="str">
        <f>IF(C51=0,"",IF('申請書（記載例）'!$G$13=0,"",'申請書（記載例）'!$G$13))</f>
        <v/>
      </c>
      <c r="J51" s="37" t="str">
        <f>IF(C51=0,"",IF('申請書（記載例）'!$G$14=0,"",'申請書（記載例）'!$G$14))</f>
        <v/>
      </c>
      <c r="K51" s="37" t="str">
        <f>IF(C51=0,"",IF('申請書（記載例）'!$G$15=0,"",'申請書（記載例）'!$G$15))</f>
        <v/>
      </c>
    </row>
    <row r="52" spans="1:11" ht="19.95" customHeight="1" x14ac:dyDescent="0.2">
      <c r="A52" s="37">
        <v>50</v>
      </c>
      <c r="B52" s="34" t="str">
        <f>IF(C52=0,"",IF('申請書（記載例）'!$G$10=0,"",'申請書（記載例）'!$G$10))</f>
        <v/>
      </c>
      <c r="C52" s="69"/>
      <c r="D52" s="69"/>
      <c r="E52" s="69"/>
      <c r="F52" s="69"/>
      <c r="G52" s="35" t="str">
        <f>IF(C52=0,"",IF('申請書（記載例）'!$G$8=0,"",'申請書（記載例）'!$G$8))</f>
        <v/>
      </c>
      <c r="H52" s="36" t="str">
        <f>IF(C52=0,"",IF('申請書（記載例）'!$G$9=0,"",'申請書（記載例）'!$G$9))</f>
        <v/>
      </c>
      <c r="I52" s="36" t="str">
        <f>IF(C52=0,"",IF('申請書（記載例）'!$G$13=0,"",'申請書（記載例）'!$G$13))</f>
        <v/>
      </c>
      <c r="J52" s="37" t="str">
        <f>IF(C52=0,"",IF('申請書（記載例）'!$G$14=0,"",'申請書（記載例）'!$G$14))</f>
        <v/>
      </c>
      <c r="K52" s="37" t="str">
        <f>IF(C52=0,"",IF('申請書（記載例）'!$G$15=0,"",'申請書（記載例）'!$G$15))</f>
        <v/>
      </c>
    </row>
    <row r="53" spans="1:11" ht="19.95" customHeight="1" x14ac:dyDescent="0.2">
      <c r="A53" s="37">
        <v>51</v>
      </c>
      <c r="B53" s="34" t="str">
        <f>IF(C53=0,"",IF('申請書（記載例）'!$G$10=0,"",'申請書（記載例）'!$G$10))</f>
        <v/>
      </c>
      <c r="C53" s="69"/>
      <c r="D53" s="69"/>
      <c r="E53" s="69"/>
      <c r="F53" s="69"/>
      <c r="G53" s="35" t="str">
        <f>IF(C53=0,"",IF('申請書（記載例）'!$G$8=0,"",'申請書（記載例）'!$G$8))</f>
        <v/>
      </c>
      <c r="H53" s="36" t="str">
        <f>IF(C53=0,"",IF('申請書（記載例）'!$G$9=0,"",'申請書（記載例）'!$G$9))</f>
        <v/>
      </c>
      <c r="I53" s="36" t="str">
        <f>IF(C53=0,"",IF('申請書（記載例）'!$G$13=0,"",'申請書（記載例）'!$G$13))</f>
        <v/>
      </c>
      <c r="J53" s="37" t="str">
        <f>IF(C53=0,"",IF('申請書（記載例）'!$G$14=0,"",'申請書（記載例）'!$G$14))</f>
        <v/>
      </c>
      <c r="K53" s="37" t="str">
        <f>IF(C53=0,"",IF('申請書（記載例）'!$G$15=0,"",'申請書（記載例）'!$G$15))</f>
        <v/>
      </c>
    </row>
    <row r="54" spans="1:11" ht="19.95" customHeight="1" x14ac:dyDescent="0.2">
      <c r="A54" s="37">
        <v>52</v>
      </c>
      <c r="B54" s="34" t="str">
        <f>IF(C54=0,"",IF('申請書（記載例）'!$G$10=0,"",'申請書（記載例）'!$G$10))</f>
        <v/>
      </c>
      <c r="C54" s="69"/>
      <c r="D54" s="69"/>
      <c r="E54" s="69"/>
      <c r="F54" s="69"/>
      <c r="G54" s="35" t="str">
        <f>IF(C54=0,"",IF('申請書（記載例）'!$G$8=0,"",'申請書（記載例）'!$G$8))</f>
        <v/>
      </c>
      <c r="H54" s="36" t="str">
        <f>IF(C54=0,"",IF('申請書（記載例）'!$G$9=0,"",'申請書（記載例）'!$G$9))</f>
        <v/>
      </c>
      <c r="I54" s="36" t="str">
        <f>IF(C54=0,"",IF('申請書（記載例）'!$G$13=0,"",'申請書（記載例）'!$G$13))</f>
        <v/>
      </c>
      <c r="J54" s="37" t="str">
        <f>IF(C54=0,"",IF('申請書（記載例）'!$G$14=0,"",'申請書（記載例）'!$G$14))</f>
        <v/>
      </c>
      <c r="K54" s="37" t="str">
        <f>IF(C54=0,"",IF('申請書（記載例）'!$G$15=0,"",'申請書（記載例）'!$G$15))</f>
        <v/>
      </c>
    </row>
    <row r="55" spans="1:11" ht="19.95" customHeight="1" x14ac:dyDescent="0.2">
      <c r="A55" s="37">
        <v>53</v>
      </c>
      <c r="B55" s="34" t="str">
        <f>IF(C55=0,"",IF('申請書（記載例）'!$G$10=0,"",'申請書（記載例）'!$G$10))</f>
        <v/>
      </c>
      <c r="C55" s="69"/>
      <c r="D55" s="69"/>
      <c r="E55" s="69"/>
      <c r="F55" s="69"/>
      <c r="G55" s="35" t="str">
        <f>IF(C55=0,"",IF('申請書（記載例）'!$G$8=0,"",'申請書（記載例）'!$G$8))</f>
        <v/>
      </c>
      <c r="H55" s="36" t="str">
        <f>IF(C55=0,"",IF('申請書（記載例）'!$G$9=0,"",'申請書（記載例）'!$G$9))</f>
        <v/>
      </c>
      <c r="I55" s="36" t="str">
        <f>IF(C55=0,"",IF('申請書（記載例）'!$G$13=0,"",'申請書（記載例）'!$G$13))</f>
        <v/>
      </c>
      <c r="J55" s="37" t="str">
        <f>IF(C55=0,"",IF('申請書（記載例）'!$G$14=0,"",'申請書（記載例）'!$G$14))</f>
        <v/>
      </c>
      <c r="K55" s="37" t="str">
        <f>IF(C55=0,"",IF('申請書（記載例）'!$G$15=0,"",'申請書（記載例）'!$G$15))</f>
        <v/>
      </c>
    </row>
    <row r="56" spans="1:11" ht="19.95" customHeight="1" x14ac:dyDescent="0.2">
      <c r="A56" s="37">
        <v>54</v>
      </c>
      <c r="B56" s="34" t="str">
        <f>IF(C56=0,"",IF('申請書（記載例）'!$G$10=0,"",'申請書（記載例）'!$G$10))</f>
        <v/>
      </c>
      <c r="C56" s="69"/>
      <c r="D56" s="69"/>
      <c r="E56" s="69"/>
      <c r="F56" s="69"/>
      <c r="G56" s="35" t="str">
        <f>IF(C56=0,"",IF('申請書（記載例）'!$G$8=0,"",'申請書（記載例）'!$G$8))</f>
        <v/>
      </c>
      <c r="H56" s="36" t="str">
        <f>IF(C56=0,"",IF('申請書（記載例）'!$G$9=0,"",'申請書（記載例）'!$G$9))</f>
        <v/>
      </c>
      <c r="I56" s="36" t="str">
        <f>IF(C56=0,"",IF('申請書（記載例）'!$G$13=0,"",'申請書（記載例）'!$G$13))</f>
        <v/>
      </c>
      <c r="J56" s="37" t="str">
        <f>IF(C56=0,"",IF('申請書（記載例）'!$G$14=0,"",'申請書（記載例）'!$G$14))</f>
        <v/>
      </c>
      <c r="K56" s="37" t="str">
        <f>IF(C56=0,"",IF('申請書（記載例）'!$G$15=0,"",'申請書（記載例）'!$G$15))</f>
        <v/>
      </c>
    </row>
    <row r="57" spans="1:11" ht="19.95" customHeight="1" x14ac:dyDescent="0.2">
      <c r="A57" s="37">
        <v>55</v>
      </c>
      <c r="B57" s="34" t="str">
        <f>IF(C57=0,"",IF('申請書（記載例）'!$G$10=0,"",'申請書（記載例）'!$G$10))</f>
        <v/>
      </c>
      <c r="C57" s="69"/>
      <c r="D57" s="69"/>
      <c r="E57" s="69"/>
      <c r="F57" s="69"/>
      <c r="G57" s="35" t="str">
        <f>IF(C57=0,"",IF('申請書（記載例）'!$G$8=0,"",'申請書（記載例）'!$G$8))</f>
        <v/>
      </c>
      <c r="H57" s="36" t="str">
        <f>IF(C57=0,"",IF('申請書（記載例）'!$G$9=0,"",'申請書（記載例）'!$G$9))</f>
        <v/>
      </c>
      <c r="I57" s="36" t="str">
        <f>IF(C57=0,"",IF('申請書（記載例）'!$G$13=0,"",'申請書（記載例）'!$G$13))</f>
        <v/>
      </c>
      <c r="J57" s="37" t="str">
        <f>IF(C57=0,"",IF('申請書（記載例）'!$G$14=0,"",'申請書（記載例）'!$G$14))</f>
        <v/>
      </c>
      <c r="K57" s="37" t="str">
        <f>IF(C57=0,"",IF('申請書（記載例）'!$G$15=0,"",'申請書（記載例）'!$G$15))</f>
        <v/>
      </c>
    </row>
    <row r="58" spans="1:11" ht="19.95" customHeight="1" x14ac:dyDescent="0.2">
      <c r="A58" s="37">
        <v>56</v>
      </c>
      <c r="B58" s="34" t="str">
        <f>IF(C58=0,"",IF('申請書（記載例）'!$G$10=0,"",'申請書（記載例）'!$G$10))</f>
        <v/>
      </c>
      <c r="C58" s="69"/>
      <c r="D58" s="69"/>
      <c r="E58" s="69"/>
      <c r="F58" s="69"/>
      <c r="G58" s="35" t="str">
        <f>IF(C58=0,"",IF('申請書（記載例）'!$G$8=0,"",'申請書（記載例）'!$G$8))</f>
        <v/>
      </c>
      <c r="H58" s="36" t="str">
        <f>IF(C58=0,"",IF('申請書（記載例）'!$G$9=0,"",'申請書（記載例）'!$G$9))</f>
        <v/>
      </c>
      <c r="I58" s="36" t="str">
        <f>IF(C58=0,"",IF('申請書（記載例）'!$G$13=0,"",'申請書（記載例）'!$G$13))</f>
        <v/>
      </c>
      <c r="J58" s="37" t="str">
        <f>IF(C58=0,"",IF('申請書（記載例）'!$G$14=0,"",'申請書（記載例）'!$G$14))</f>
        <v/>
      </c>
      <c r="K58" s="37" t="str">
        <f>IF(C58=0,"",IF('申請書（記載例）'!$G$15=0,"",'申請書（記載例）'!$G$15))</f>
        <v/>
      </c>
    </row>
    <row r="59" spans="1:11" ht="19.95" customHeight="1" x14ac:dyDescent="0.2">
      <c r="A59" s="37">
        <v>57</v>
      </c>
      <c r="B59" s="34" t="str">
        <f>IF(C59=0,"",IF('申請書（記載例）'!$G$10=0,"",'申請書（記載例）'!$G$10))</f>
        <v/>
      </c>
      <c r="C59" s="69"/>
      <c r="D59" s="69"/>
      <c r="E59" s="69"/>
      <c r="F59" s="69"/>
      <c r="G59" s="35" t="str">
        <f>IF(C59=0,"",IF('申請書（記載例）'!$G$8=0,"",'申請書（記載例）'!$G$8))</f>
        <v/>
      </c>
      <c r="H59" s="36" t="str">
        <f>IF(C59=0,"",IF('申請書（記載例）'!$G$9=0,"",'申請書（記載例）'!$G$9))</f>
        <v/>
      </c>
      <c r="I59" s="36" t="str">
        <f>IF(C59=0,"",IF('申請書（記載例）'!$G$13=0,"",'申請書（記載例）'!$G$13))</f>
        <v/>
      </c>
      <c r="J59" s="37" t="str">
        <f>IF(C59=0,"",IF('申請書（記載例）'!$G$14=0,"",'申請書（記載例）'!$G$14))</f>
        <v/>
      </c>
      <c r="K59" s="37" t="str">
        <f>IF(C59=0,"",IF('申請書（記載例）'!$G$15=0,"",'申請書（記載例）'!$G$15))</f>
        <v/>
      </c>
    </row>
    <row r="60" spans="1:11" ht="19.95" customHeight="1" x14ac:dyDescent="0.2">
      <c r="A60" s="37">
        <v>58</v>
      </c>
      <c r="B60" s="34" t="str">
        <f>IF(C60=0,"",IF('申請書（記載例）'!$G$10=0,"",'申請書（記載例）'!$G$10))</f>
        <v/>
      </c>
      <c r="C60" s="69"/>
      <c r="D60" s="69"/>
      <c r="E60" s="69"/>
      <c r="F60" s="69"/>
      <c r="G60" s="35" t="str">
        <f>IF(C60=0,"",IF('申請書（記載例）'!$G$8=0,"",'申請書（記載例）'!$G$8))</f>
        <v/>
      </c>
      <c r="H60" s="36" t="str">
        <f>IF(C60=0,"",IF('申請書（記載例）'!$G$9=0,"",'申請書（記載例）'!$G$9))</f>
        <v/>
      </c>
      <c r="I60" s="36" t="str">
        <f>IF(C60=0,"",IF('申請書（記載例）'!$G$13=0,"",'申請書（記載例）'!$G$13))</f>
        <v/>
      </c>
      <c r="J60" s="37" t="str">
        <f>IF(C60=0,"",IF('申請書（記載例）'!$G$14=0,"",'申請書（記載例）'!$G$14))</f>
        <v/>
      </c>
      <c r="K60" s="37" t="str">
        <f>IF(C60=0,"",IF('申請書（記載例）'!$G$15=0,"",'申請書（記載例）'!$G$15))</f>
        <v/>
      </c>
    </row>
    <row r="61" spans="1:11" ht="19.95" customHeight="1" x14ac:dyDescent="0.2">
      <c r="A61" s="37">
        <v>59</v>
      </c>
      <c r="B61" s="34" t="str">
        <f>IF(C61=0,"",IF('申請書（記載例）'!$G$10=0,"",'申請書（記載例）'!$G$10))</f>
        <v/>
      </c>
      <c r="C61" s="69"/>
      <c r="D61" s="69"/>
      <c r="E61" s="69"/>
      <c r="F61" s="69"/>
      <c r="G61" s="35" t="str">
        <f>IF(C61=0,"",IF('申請書（記載例）'!$G$8=0,"",'申請書（記載例）'!$G$8))</f>
        <v/>
      </c>
      <c r="H61" s="36" t="str">
        <f>IF(C61=0,"",IF('申請書（記載例）'!$G$9=0,"",'申請書（記載例）'!$G$9))</f>
        <v/>
      </c>
      <c r="I61" s="36" t="str">
        <f>IF(C61=0,"",IF('申請書（記載例）'!$G$13=0,"",'申請書（記載例）'!$G$13))</f>
        <v/>
      </c>
      <c r="J61" s="37" t="str">
        <f>IF(C61=0,"",IF('申請書（記載例）'!$G$14=0,"",'申請書（記載例）'!$G$14))</f>
        <v/>
      </c>
      <c r="K61" s="37" t="str">
        <f>IF(C61=0,"",IF('申請書（記載例）'!$G$15=0,"",'申請書（記載例）'!$G$15))</f>
        <v/>
      </c>
    </row>
    <row r="62" spans="1:11" ht="19.95" customHeight="1" x14ac:dyDescent="0.2">
      <c r="A62" s="37">
        <v>60</v>
      </c>
      <c r="B62" s="34" t="str">
        <f>IF(C62=0,"",IF('申請書（記載例）'!$G$10=0,"",'申請書（記載例）'!$G$10))</f>
        <v/>
      </c>
      <c r="C62" s="69"/>
      <c r="D62" s="69"/>
      <c r="E62" s="69"/>
      <c r="F62" s="69"/>
      <c r="G62" s="35" t="str">
        <f>IF(C62=0,"",IF('申請書（記載例）'!$G$8=0,"",'申請書（記載例）'!$G$8))</f>
        <v/>
      </c>
      <c r="H62" s="36" t="str">
        <f>IF(C62=0,"",IF('申請書（記載例）'!$G$9=0,"",'申請書（記載例）'!$G$9))</f>
        <v/>
      </c>
      <c r="I62" s="36" t="str">
        <f>IF(C62=0,"",IF('申請書（記載例）'!$G$13=0,"",'申請書（記載例）'!$G$13))</f>
        <v/>
      </c>
      <c r="J62" s="37" t="str">
        <f>IF(C62=0,"",IF('申請書（記載例）'!$G$14=0,"",'申請書（記載例）'!$G$14))</f>
        <v/>
      </c>
      <c r="K62" s="37" t="str">
        <f>IF(C62=0,"",IF('申請書（記載例）'!$G$15=0,"",'申請書（記載例）'!$G$15))</f>
        <v/>
      </c>
    </row>
    <row r="63" spans="1:11" ht="19.95" customHeight="1" x14ac:dyDescent="0.2">
      <c r="A63" s="37">
        <v>61</v>
      </c>
      <c r="B63" s="34" t="str">
        <f>IF(C63=0,"",IF('申請書（記載例）'!$G$10=0,"",'申請書（記載例）'!$G$10))</f>
        <v/>
      </c>
      <c r="C63" s="69"/>
      <c r="D63" s="69"/>
      <c r="E63" s="69"/>
      <c r="F63" s="69"/>
      <c r="G63" s="35" t="str">
        <f>IF(C63=0,"",IF('申請書（記載例）'!$G$8=0,"",'申請書（記載例）'!$G$8))</f>
        <v/>
      </c>
      <c r="H63" s="36" t="str">
        <f>IF(C63=0,"",IF('申請書（記載例）'!$G$9=0,"",'申請書（記載例）'!$G$9))</f>
        <v/>
      </c>
      <c r="I63" s="36" t="str">
        <f>IF(C63=0,"",IF('申請書（記載例）'!$G$13=0,"",'申請書（記載例）'!$G$13))</f>
        <v/>
      </c>
      <c r="J63" s="37" t="str">
        <f>IF(C63=0,"",IF('申請書（記載例）'!$G$14=0,"",'申請書（記載例）'!$G$14))</f>
        <v/>
      </c>
      <c r="K63" s="37" t="str">
        <f>IF(C63=0,"",IF('申請書（記載例）'!$G$15=0,"",'申請書（記載例）'!$G$15))</f>
        <v/>
      </c>
    </row>
    <row r="64" spans="1:11" ht="19.95" customHeight="1" x14ac:dyDescent="0.2">
      <c r="A64" s="37">
        <v>62</v>
      </c>
      <c r="B64" s="34" t="str">
        <f>IF(C64=0,"",IF('申請書（記載例）'!$G$10=0,"",'申請書（記載例）'!$G$10))</f>
        <v/>
      </c>
      <c r="C64" s="69"/>
      <c r="D64" s="69"/>
      <c r="E64" s="69"/>
      <c r="F64" s="69"/>
      <c r="G64" s="35" t="str">
        <f>IF(C64=0,"",IF('申請書（記載例）'!$G$8=0,"",'申請書（記載例）'!$G$8))</f>
        <v/>
      </c>
      <c r="H64" s="36" t="str">
        <f>IF(C64=0,"",IF('申請書（記載例）'!$G$9=0,"",'申請書（記載例）'!$G$9))</f>
        <v/>
      </c>
      <c r="I64" s="36" t="str">
        <f>IF(C64=0,"",IF('申請書（記載例）'!$G$13=0,"",'申請書（記載例）'!$G$13))</f>
        <v/>
      </c>
      <c r="J64" s="37" t="str">
        <f>IF(C64=0,"",IF('申請書（記載例）'!$G$14=0,"",'申請書（記載例）'!$G$14))</f>
        <v/>
      </c>
      <c r="K64" s="37" t="str">
        <f>IF(C64=0,"",IF('申請書（記載例）'!$G$15=0,"",'申請書（記載例）'!$G$15))</f>
        <v/>
      </c>
    </row>
    <row r="65" spans="1:11" ht="19.95" customHeight="1" x14ac:dyDescent="0.2">
      <c r="A65" s="37">
        <v>63</v>
      </c>
      <c r="B65" s="34" t="str">
        <f>IF(C65=0,"",IF('申請書（記載例）'!$G$10=0,"",'申請書（記載例）'!$G$10))</f>
        <v/>
      </c>
      <c r="C65" s="69"/>
      <c r="D65" s="69"/>
      <c r="E65" s="69"/>
      <c r="F65" s="69"/>
      <c r="G65" s="35" t="str">
        <f>IF(C65=0,"",IF('申請書（記載例）'!$G$8=0,"",'申請書（記載例）'!$G$8))</f>
        <v/>
      </c>
      <c r="H65" s="36" t="str">
        <f>IF(C65=0,"",IF('申請書（記載例）'!$G$9=0,"",'申請書（記載例）'!$G$9))</f>
        <v/>
      </c>
      <c r="I65" s="36" t="str">
        <f>IF(C65=0,"",IF('申請書（記載例）'!$G$13=0,"",'申請書（記載例）'!$G$13))</f>
        <v/>
      </c>
      <c r="J65" s="37" t="str">
        <f>IF(C65=0,"",IF('申請書（記載例）'!$G$14=0,"",'申請書（記載例）'!$G$14))</f>
        <v/>
      </c>
      <c r="K65" s="37" t="str">
        <f>IF(C65=0,"",IF('申請書（記載例）'!$G$15=0,"",'申請書（記載例）'!$G$15))</f>
        <v/>
      </c>
    </row>
    <row r="66" spans="1:11" ht="19.95" customHeight="1" x14ac:dyDescent="0.2">
      <c r="A66" s="37">
        <v>64</v>
      </c>
      <c r="B66" s="34" t="str">
        <f>IF(C66=0,"",IF('申請書（記載例）'!$G$10=0,"",'申請書（記載例）'!$G$10))</f>
        <v/>
      </c>
      <c r="C66" s="69"/>
      <c r="D66" s="69"/>
      <c r="E66" s="69"/>
      <c r="F66" s="69"/>
      <c r="G66" s="35" t="str">
        <f>IF(C66=0,"",IF('申請書（記載例）'!$G$8=0,"",'申請書（記載例）'!$G$8))</f>
        <v/>
      </c>
      <c r="H66" s="36" t="str">
        <f>IF(C66=0,"",IF('申請書（記載例）'!$G$9=0,"",'申請書（記載例）'!$G$9))</f>
        <v/>
      </c>
      <c r="I66" s="36" t="str">
        <f>IF(C66=0,"",IF('申請書（記載例）'!$G$13=0,"",'申請書（記載例）'!$G$13))</f>
        <v/>
      </c>
      <c r="J66" s="37" t="str">
        <f>IF(C66=0,"",IF('申請書（記載例）'!$G$14=0,"",'申請書（記載例）'!$G$14))</f>
        <v/>
      </c>
      <c r="K66" s="37" t="str">
        <f>IF(C66=0,"",IF('申請書（記載例）'!$G$15=0,"",'申請書（記載例）'!$G$15))</f>
        <v/>
      </c>
    </row>
    <row r="67" spans="1:11" ht="19.95" customHeight="1" x14ac:dyDescent="0.2">
      <c r="A67" s="37">
        <v>65</v>
      </c>
      <c r="B67" s="34" t="str">
        <f>IF(C67=0,"",IF('申請書（記載例）'!$G$10=0,"",'申請書（記載例）'!$G$10))</f>
        <v/>
      </c>
      <c r="C67" s="69"/>
      <c r="D67" s="69"/>
      <c r="E67" s="69"/>
      <c r="F67" s="69"/>
      <c r="G67" s="35" t="str">
        <f>IF(C67=0,"",IF('申請書（記載例）'!$G$8=0,"",'申請書（記載例）'!$G$8))</f>
        <v/>
      </c>
      <c r="H67" s="36" t="str">
        <f>IF(C67=0,"",IF('申請書（記載例）'!$G$9=0,"",'申請書（記載例）'!$G$9))</f>
        <v/>
      </c>
      <c r="I67" s="36" t="str">
        <f>IF(C67=0,"",IF('申請書（記載例）'!$G$13=0,"",'申請書（記載例）'!$G$13))</f>
        <v/>
      </c>
      <c r="J67" s="37" t="str">
        <f>IF(C67=0,"",IF('申請書（記載例）'!$G$14=0,"",'申請書（記載例）'!$G$14))</f>
        <v/>
      </c>
      <c r="K67" s="37" t="str">
        <f>IF(C67=0,"",IF('申請書（記載例）'!$G$15=0,"",'申請書（記載例）'!$G$15))</f>
        <v/>
      </c>
    </row>
    <row r="68" spans="1:11" ht="19.95" customHeight="1" x14ac:dyDescent="0.2">
      <c r="A68" s="37">
        <v>66</v>
      </c>
      <c r="B68" s="34" t="str">
        <f>IF(C68=0,"",IF('申請書（記載例）'!$G$10=0,"",'申請書（記載例）'!$G$10))</f>
        <v/>
      </c>
      <c r="C68" s="69"/>
      <c r="D68" s="69"/>
      <c r="E68" s="69"/>
      <c r="F68" s="69"/>
      <c r="G68" s="35" t="str">
        <f>IF(C68=0,"",IF('申請書（記載例）'!$G$8=0,"",'申請書（記載例）'!$G$8))</f>
        <v/>
      </c>
      <c r="H68" s="36" t="str">
        <f>IF(C68=0,"",IF('申請書（記載例）'!$G$9=0,"",'申請書（記載例）'!$G$9))</f>
        <v/>
      </c>
      <c r="I68" s="36" t="str">
        <f>IF(C68=0,"",IF('申請書（記載例）'!$G$13=0,"",'申請書（記載例）'!$G$13))</f>
        <v/>
      </c>
      <c r="J68" s="37" t="str">
        <f>IF(C68=0,"",IF('申請書（記載例）'!$G$14=0,"",'申請書（記載例）'!$G$14))</f>
        <v/>
      </c>
      <c r="K68" s="37" t="str">
        <f>IF(C68=0,"",IF('申請書（記載例）'!$G$15=0,"",'申請書（記載例）'!$G$15))</f>
        <v/>
      </c>
    </row>
    <row r="69" spans="1:11" ht="19.95" customHeight="1" x14ac:dyDescent="0.2">
      <c r="A69" s="37">
        <v>67</v>
      </c>
      <c r="B69" s="34" t="str">
        <f>IF(C69=0,"",IF('申請書（記載例）'!$G$10=0,"",'申請書（記載例）'!$G$10))</f>
        <v/>
      </c>
      <c r="C69" s="69"/>
      <c r="D69" s="69"/>
      <c r="E69" s="69"/>
      <c r="F69" s="69"/>
      <c r="G69" s="35" t="str">
        <f>IF(C69=0,"",IF('申請書（記載例）'!$G$8=0,"",'申請書（記載例）'!$G$8))</f>
        <v/>
      </c>
      <c r="H69" s="36" t="str">
        <f>IF(C69=0,"",IF('申請書（記載例）'!$G$9=0,"",'申請書（記載例）'!$G$9))</f>
        <v/>
      </c>
      <c r="I69" s="36" t="str">
        <f>IF(C69=0,"",IF('申請書（記載例）'!$G$13=0,"",'申請書（記載例）'!$G$13))</f>
        <v/>
      </c>
      <c r="J69" s="37" t="str">
        <f>IF(C69=0,"",IF('申請書（記載例）'!$G$14=0,"",'申請書（記載例）'!$G$14))</f>
        <v/>
      </c>
      <c r="K69" s="37" t="str">
        <f>IF(C69=0,"",IF('申請書（記載例）'!$G$15=0,"",'申請書（記載例）'!$G$15))</f>
        <v/>
      </c>
    </row>
    <row r="70" spans="1:11" ht="19.95" customHeight="1" x14ac:dyDescent="0.2">
      <c r="A70" s="37">
        <v>68</v>
      </c>
      <c r="B70" s="34" t="str">
        <f>IF(C70=0,"",IF('申請書（記載例）'!$G$10=0,"",'申請書（記載例）'!$G$10))</f>
        <v/>
      </c>
      <c r="C70" s="69"/>
      <c r="D70" s="69"/>
      <c r="E70" s="69"/>
      <c r="F70" s="69"/>
      <c r="G70" s="35" t="str">
        <f>IF(C70=0,"",IF('申請書（記載例）'!$G$8=0,"",'申請書（記載例）'!$G$8))</f>
        <v/>
      </c>
      <c r="H70" s="36" t="str">
        <f>IF(C70=0,"",IF('申請書（記載例）'!$G$9=0,"",'申請書（記載例）'!$G$9))</f>
        <v/>
      </c>
      <c r="I70" s="36" t="str">
        <f>IF(C70=0,"",IF('申請書（記載例）'!$G$13=0,"",'申請書（記載例）'!$G$13))</f>
        <v/>
      </c>
      <c r="J70" s="37" t="str">
        <f>IF(C70=0,"",IF('申請書（記載例）'!$G$14=0,"",'申請書（記載例）'!$G$14))</f>
        <v/>
      </c>
      <c r="K70" s="37" t="str">
        <f>IF(C70=0,"",IF('申請書（記載例）'!$G$15=0,"",'申請書（記載例）'!$G$15))</f>
        <v/>
      </c>
    </row>
    <row r="71" spans="1:11" ht="19.95" customHeight="1" x14ac:dyDescent="0.2">
      <c r="A71" s="37">
        <v>69</v>
      </c>
      <c r="B71" s="34" t="str">
        <f>IF(C71=0,"",IF('申請書（記載例）'!$G$10=0,"",'申請書（記載例）'!$G$10))</f>
        <v/>
      </c>
      <c r="C71" s="69"/>
      <c r="D71" s="69"/>
      <c r="E71" s="69"/>
      <c r="F71" s="69"/>
      <c r="G71" s="35" t="str">
        <f>IF(C71=0,"",IF('申請書（記載例）'!$G$8=0,"",'申請書（記載例）'!$G$8))</f>
        <v/>
      </c>
      <c r="H71" s="36" t="str">
        <f>IF(C71=0,"",IF('申請書（記載例）'!$G$9=0,"",'申請書（記載例）'!$G$9))</f>
        <v/>
      </c>
      <c r="I71" s="36" t="str">
        <f>IF(C71=0,"",IF('申請書（記載例）'!$G$13=0,"",'申請書（記載例）'!$G$13))</f>
        <v/>
      </c>
      <c r="J71" s="37" t="str">
        <f>IF(C71=0,"",IF('申請書（記載例）'!$G$14=0,"",'申請書（記載例）'!$G$14))</f>
        <v/>
      </c>
      <c r="K71" s="37" t="str">
        <f>IF(C71=0,"",IF('申請書（記載例）'!$G$15=0,"",'申請書（記載例）'!$G$15))</f>
        <v/>
      </c>
    </row>
    <row r="72" spans="1:11" ht="19.95" customHeight="1" x14ac:dyDescent="0.2">
      <c r="A72" s="37">
        <v>70</v>
      </c>
      <c r="B72" s="34" t="str">
        <f>IF(C72=0,"",IF('申請書（記載例）'!$G$10=0,"",'申請書（記載例）'!$G$10))</f>
        <v/>
      </c>
      <c r="C72" s="69"/>
      <c r="D72" s="69"/>
      <c r="E72" s="69"/>
      <c r="F72" s="69"/>
      <c r="G72" s="35" t="str">
        <f>IF(C72=0,"",IF('申請書（記載例）'!$G$8=0,"",'申請書（記載例）'!$G$8))</f>
        <v/>
      </c>
      <c r="H72" s="36" t="str">
        <f>IF(C72=0,"",IF('申請書（記載例）'!$G$9=0,"",'申請書（記載例）'!$G$9))</f>
        <v/>
      </c>
      <c r="I72" s="36" t="str">
        <f>IF(C72=0,"",IF('申請書（記載例）'!$G$13=0,"",'申請書（記載例）'!$G$13))</f>
        <v/>
      </c>
      <c r="J72" s="37" t="str">
        <f>IF(C72=0,"",IF('申請書（記載例）'!$G$14=0,"",'申請書（記載例）'!$G$14))</f>
        <v/>
      </c>
      <c r="K72" s="37" t="str">
        <f>IF(C72=0,"",IF('申請書（記載例）'!$G$15=0,"",'申請書（記載例）'!$G$15))</f>
        <v/>
      </c>
    </row>
    <row r="73" spans="1:11" ht="19.95" customHeight="1" x14ac:dyDescent="0.2">
      <c r="A73" s="37">
        <v>71</v>
      </c>
      <c r="B73" s="34" t="str">
        <f>IF(C73=0,"",IF('申請書（記載例）'!$G$10=0,"",'申請書（記載例）'!$G$10))</f>
        <v/>
      </c>
      <c r="C73" s="69"/>
      <c r="D73" s="69"/>
      <c r="E73" s="69"/>
      <c r="F73" s="69"/>
      <c r="G73" s="35" t="str">
        <f>IF(C73=0,"",IF('申請書（記載例）'!$G$8=0,"",'申請書（記載例）'!$G$8))</f>
        <v/>
      </c>
      <c r="H73" s="36" t="str">
        <f>IF(C73=0,"",IF('申請書（記載例）'!$G$9=0,"",'申請書（記載例）'!$G$9))</f>
        <v/>
      </c>
      <c r="I73" s="36" t="str">
        <f>IF(C73=0,"",IF('申請書（記載例）'!$G$13=0,"",'申請書（記載例）'!$G$13))</f>
        <v/>
      </c>
      <c r="J73" s="37" t="str">
        <f>IF(C73=0,"",IF('申請書（記載例）'!$G$14=0,"",'申請書（記載例）'!$G$14))</f>
        <v/>
      </c>
      <c r="K73" s="37" t="str">
        <f>IF(C73=0,"",IF('申請書（記載例）'!$G$15=0,"",'申請書（記載例）'!$G$15))</f>
        <v/>
      </c>
    </row>
    <row r="74" spans="1:11" ht="19.95" customHeight="1" x14ac:dyDescent="0.2">
      <c r="A74" s="37">
        <v>72</v>
      </c>
      <c r="B74" s="34" t="str">
        <f>IF(C74=0,"",IF('申請書（記載例）'!$G$10=0,"",'申請書（記載例）'!$G$10))</f>
        <v/>
      </c>
      <c r="C74" s="69"/>
      <c r="D74" s="69"/>
      <c r="E74" s="69"/>
      <c r="F74" s="69"/>
      <c r="G74" s="35" t="str">
        <f>IF(C74=0,"",IF('申請書（記載例）'!$G$8=0,"",'申請書（記載例）'!$G$8))</f>
        <v/>
      </c>
      <c r="H74" s="36" t="str">
        <f>IF(C74=0,"",IF('申請書（記載例）'!$G$9=0,"",'申請書（記載例）'!$G$9))</f>
        <v/>
      </c>
      <c r="I74" s="36" t="str">
        <f>IF(C74=0,"",IF('申請書（記載例）'!$G$13=0,"",'申請書（記載例）'!$G$13))</f>
        <v/>
      </c>
      <c r="J74" s="37" t="str">
        <f>IF(C74=0,"",IF('申請書（記載例）'!$G$14=0,"",'申請書（記載例）'!$G$14))</f>
        <v/>
      </c>
      <c r="K74" s="37" t="str">
        <f>IF(C74=0,"",IF('申請書（記載例）'!$G$15=0,"",'申請書（記載例）'!$G$15))</f>
        <v/>
      </c>
    </row>
    <row r="75" spans="1:11" ht="19.95" customHeight="1" x14ac:dyDescent="0.2">
      <c r="A75" s="37">
        <v>73</v>
      </c>
      <c r="B75" s="34" t="str">
        <f>IF(C75=0,"",IF('申請書（記載例）'!$G$10=0,"",'申請書（記載例）'!$G$10))</f>
        <v/>
      </c>
      <c r="C75" s="69"/>
      <c r="D75" s="69"/>
      <c r="E75" s="69"/>
      <c r="F75" s="69"/>
      <c r="G75" s="35" t="str">
        <f>IF(C75=0,"",IF('申請書（記載例）'!$G$8=0,"",'申請書（記載例）'!$G$8))</f>
        <v/>
      </c>
      <c r="H75" s="36" t="str">
        <f>IF(C75=0,"",IF('申請書（記載例）'!$G$9=0,"",'申請書（記載例）'!$G$9))</f>
        <v/>
      </c>
      <c r="I75" s="36" t="str">
        <f>IF(C75=0,"",IF('申請書（記載例）'!$G$13=0,"",'申請書（記載例）'!$G$13))</f>
        <v/>
      </c>
      <c r="J75" s="37" t="str">
        <f>IF(C75=0,"",IF('申請書（記載例）'!$G$14=0,"",'申請書（記載例）'!$G$14))</f>
        <v/>
      </c>
      <c r="K75" s="37" t="str">
        <f>IF(C75=0,"",IF('申請書（記載例）'!$G$15=0,"",'申請書（記載例）'!$G$15))</f>
        <v/>
      </c>
    </row>
    <row r="76" spans="1:11" ht="19.95" customHeight="1" x14ac:dyDescent="0.2">
      <c r="A76" s="37">
        <v>74</v>
      </c>
      <c r="B76" s="34" t="str">
        <f>IF(C76=0,"",IF('申請書（記載例）'!$G$10=0,"",'申請書（記載例）'!$G$10))</f>
        <v/>
      </c>
      <c r="C76" s="69"/>
      <c r="D76" s="69"/>
      <c r="E76" s="69"/>
      <c r="F76" s="69"/>
      <c r="G76" s="35" t="str">
        <f>IF(C76=0,"",IF('申請書（記載例）'!$G$8=0,"",'申請書（記載例）'!$G$8))</f>
        <v/>
      </c>
      <c r="H76" s="36" t="str">
        <f>IF(C76=0,"",IF('申請書（記載例）'!$G$9=0,"",'申請書（記載例）'!$G$9))</f>
        <v/>
      </c>
      <c r="I76" s="36" t="str">
        <f>IF(C76=0,"",IF('申請書（記載例）'!$G$13=0,"",'申請書（記載例）'!$G$13))</f>
        <v/>
      </c>
      <c r="J76" s="37" t="str">
        <f>IF(C76=0,"",IF('申請書（記載例）'!$G$14=0,"",'申請書（記載例）'!$G$14))</f>
        <v/>
      </c>
      <c r="K76" s="37" t="str">
        <f>IF(C76=0,"",IF('申請書（記載例）'!$G$15=0,"",'申請書（記載例）'!$G$15))</f>
        <v/>
      </c>
    </row>
    <row r="77" spans="1:11" ht="19.95" customHeight="1" x14ac:dyDescent="0.2">
      <c r="A77" s="37">
        <v>75</v>
      </c>
      <c r="B77" s="34" t="str">
        <f>IF(C77=0,"",IF('申請書（記載例）'!$G$10=0,"",'申請書（記載例）'!$G$10))</f>
        <v/>
      </c>
      <c r="C77" s="69"/>
      <c r="D77" s="69"/>
      <c r="E77" s="69"/>
      <c r="F77" s="69"/>
      <c r="G77" s="35" t="str">
        <f>IF(C77=0,"",IF('申請書（記載例）'!$G$8=0,"",'申請書（記載例）'!$G$8))</f>
        <v/>
      </c>
      <c r="H77" s="36" t="str">
        <f>IF(C77=0,"",IF('申請書（記載例）'!$G$9=0,"",'申請書（記載例）'!$G$9))</f>
        <v/>
      </c>
      <c r="I77" s="36" t="str">
        <f>IF(C77=0,"",IF('申請書（記載例）'!$G$13=0,"",'申請書（記載例）'!$G$13))</f>
        <v/>
      </c>
      <c r="J77" s="37" t="str">
        <f>IF(C77=0,"",IF('申請書（記載例）'!$G$14=0,"",'申請書（記載例）'!$G$14))</f>
        <v/>
      </c>
      <c r="K77" s="37" t="str">
        <f>IF(C77=0,"",IF('申請書（記載例）'!$G$15=0,"",'申請書（記載例）'!$G$15))</f>
        <v/>
      </c>
    </row>
    <row r="78" spans="1:11" ht="19.95" customHeight="1" x14ac:dyDescent="0.2">
      <c r="A78" s="37">
        <v>76</v>
      </c>
      <c r="B78" s="34" t="str">
        <f>IF(C78=0,"",IF('申請書（記載例）'!$G$10=0,"",'申請書（記載例）'!$G$10))</f>
        <v/>
      </c>
      <c r="C78" s="69"/>
      <c r="D78" s="69"/>
      <c r="E78" s="69"/>
      <c r="F78" s="69"/>
      <c r="G78" s="35" t="str">
        <f>IF(C78=0,"",IF('申請書（記載例）'!$G$8=0,"",'申請書（記載例）'!$G$8))</f>
        <v/>
      </c>
      <c r="H78" s="36" t="str">
        <f>IF(C78=0,"",IF('申請書（記載例）'!$G$9=0,"",'申請書（記載例）'!$G$9))</f>
        <v/>
      </c>
      <c r="I78" s="36" t="str">
        <f>IF(C78=0,"",IF('申請書（記載例）'!$G$13=0,"",'申請書（記載例）'!$G$13))</f>
        <v/>
      </c>
      <c r="J78" s="37" t="str">
        <f>IF(C78=0,"",IF('申請書（記載例）'!$G$14=0,"",'申請書（記載例）'!$G$14))</f>
        <v/>
      </c>
      <c r="K78" s="37" t="str">
        <f>IF(C78=0,"",IF('申請書（記載例）'!$G$15=0,"",'申請書（記載例）'!$G$15))</f>
        <v/>
      </c>
    </row>
    <row r="79" spans="1:11" ht="19.95" customHeight="1" x14ac:dyDescent="0.2">
      <c r="A79" s="37">
        <v>77</v>
      </c>
      <c r="B79" s="34" t="str">
        <f>IF(C79=0,"",IF('申請書（記載例）'!$G$10=0,"",'申請書（記載例）'!$G$10))</f>
        <v/>
      </c>
      <c r="C79" s="69"/>
      <c r="D79" s="69"/>
      <c r="E79" s="69"/>
      <c r="F79" s="69"/>
      <c r="G79" s="35" t="str">
        <f>IF(C79=0,"",IF('申請書（記載例）'!$G$8=0,"",'申請書（記載例）'!$G$8))</f>
        <v/>
      </c>
      <c r="H79" s="36" t="str">
        <f>IF(C79=0,"",IF('申請書（記載例）'!$G$9=0,"",'申請書（記載例）'!$G$9))</f>
        <v/>
      </c>
      <c r="I79" s="36" t="str">
        <f>IF(C79=0,"",IF('申請書（記載例）'!$G$13=0,"",'申請書（記載例）'!$G$13))</f>
        <v/>
      </c>
      <c r="J79" s="37" t="str">
        <f>IF(C79=0,"",IF('申請書（記載例）'!$G$14=0,"",'申請書（記載例）'!$G$14))</f>
        <v/>
      </c>
      <c r="K79" s="37" t="str">
        <f>IF(C79=0,"",IF('申請書（記載例）'!$G$15=0,"",'申請書（記載例）'!$G$15))</f>
        <v/>
      </c>
    </row>
    <row r="80" spans="1:11" ht="19.95" customHeight="1" x14ac:dyDescent="0.2">
      <c r="A80" s="37">
        <v>78</v>
      </c>
      <c r="B80" s="34" t="str">
        <f>IF(C80=0,"",IF('申請書（記載例）'!$G$10=0,"",'申請書（記載例）'!$G$10))</f>
        <v/>
      </c>
      <c r="C80" s="69"/>
      <c r="D80" s="69"/>
      <c r="E80" s="69"/>
      <c r="F80" s="69"/>
      <c r="G80" s="35" t="str">
        <f>IF(C80=0,"",IF('申請書（記載例）'!$G$8=0,"",'申請書（記載例）'!$G$8))</f>
        <v/>
      </c>
      <c r="H80" s="36" t="str">
        <f>IF(C80=0,"",IF('申請書（記載例）'!$G$9=0,"",'申請書（記載例）'!$G$9))</f>
        <v/>
      </c>
      <c r="I80" s="36" t="str">
        <f>IF(C80=0,"",IF('申請書（記載例）'!$G$13=0,"",'申請書（記載例）'!$G$13))</f>
        <v/>
      </c>
      <c r="J80" s="37" t="str">
        <f>IF(C80=0,"",IF('申請書（記載例）'!$G$14=0,"",'申請書（記載例）'!$G$14))</f>
        <v/>
      </c>
      <c r="K80" s="37" t="str">
        <f>IF(C80=0,"",IF('申請書（記載例）'!$G$15=0,"",'申請書（記載例）'!$G$15))</f>
        <v/>
      </c>
    </row>
    <row r="81" spans="1:11" ht="19.95" customHeight="1" x14ac:dyDescent="0.2">
      <c r="A81" s="37">
        <v>79</v>
      </c>
      <c r="B81" s="34" t="str">
        <f>IF(C81=0,"",IF('申請書（記載例）'!$G$10=0,"",'申請書（記載例）'!$G$10))</f>
        <v/>
      </c>
      <c r="C81" s="69"/>
      <c r="D81" s="69"/>
      <c r="E81" s="69"/>
      <c r="F81" s="69"/>
      <c r="G81" s="35" t="str">
        <f>IF(C81=0,"",IF('申請書（記載例）'!$G$8=0,"",'申請書（記載例）'!$G$8))</f>
        <v/>
      </c>
      <c r="H81" s="36" t="str">
        <f>IF(C81=0,"",IF('申請書（記載例）'!$G$9=0,"",'申請書（記載例）'!$G$9))</f>
        <v/>
      </c>
      <c r="I81" s="36" t="str">
        <f>IF(C81=0,"",IF('申請書（記載例）'!$G$13=0,"",'申請書（記載例）'!$G$13))</f>
        <v/>
      </c>
      <c r="J81" s="37" t="str">
        <f>IF(C81=0,"",IF('申請書（記載例）'!$G$14=0,"",'申請書（記載例）'!$G$14))</f>
        <v/>
      </c>
      <c r="K81" s="37" t="str">
        <f>IF(C81=0,"",IF('申請書（記載例）'!$G$15=0,"",'申請書（記載例）'!$G$15))</f>
        <v/>
      </c>
    </row>
    <row r="82" spans="1:11" ht="19.95" customHeight="1" x14ac:dyDescent="0.2">
      <c r="A82" s="37">
        <v>80</v>
      </c>
      <c r="B82" s="34" t="str">
        <f>IF(C82=0,"",IF('申請書（記載例）'!$G$10=0,"",'申請書（記載例）'!$G$10))</f>
        <v/>
      </c>
      <c r="C82" s="69"/>
      <c r="D82" s="69"/>
      <c r="E82" s="69"/>
      <c r="F82" s="69"/>
      <c r="G82" s="35" t="str">
        <f>IF(C82=0,"",IF('申請書（記載例）'!$G$8=0,"",'申請書（記載例）'!$G$8))</f>
        <v/>
      </c>
      <c r="H82" s="36" t="str">
        <f>IF(C82=0,"",IF('申請書（記載例）'!$G$9=0,"",'申請書（記載例）'!$G$9))</f>
        <v/>
      </c>
      <c r="I82" s="36" t="str">
        <f>IF(C82=0,"",IF('申請書（記載例）'!$G$13=0,"",'申請書（記載例）'!$G$13))</f>
        <v/>
      </c>
      <c r="J82" s="37" t="str">
        <f>IF(C82=0,"",IF('申請書（記載例）'!$G$14=0,"",'申請書（記載例）'!$G$14))</f>
        <v/>
      </c>
      <c r="K82" s="37" t="str">
        <f>IF(C82=0,"",IF('申請書（記載例）'!$G$15=0,"",'申請書（記載例）'!$G$15))</f>
        <v/>
      </c>
    </row>
    <row r="83" spans="1:11" ht="19.95" customHeight="1" x14ac:dyDescent="0.2">
      <c r="A83" s="37">
        <v>81</v>
      </c>
      <c r="B83" s="34" t="str">
        <f>IF(C83=0,"",IF('申請書（記載例）'!$G$10=0,"",'申請書（記載例）'!$G$10))</f>
        <v/>
      </c>
      <c r="C83" s="69"/>
      <c r="D83" s="69"/>
      <c r="E83" s="69"/>
      <c r="F83" s="69"/>
      <c r="G83" s="35" t="str">
        <f>IF(C83=0,"",IF('申請書（記載例）'!$G$8=0,"",'申請書（記載例）'!$G$8))</f>
        <v/>
      </c>
      <c r="H83" s="36" t="str">
        <f>IF(C83=0,"",IF('申請書（記載例）'!$G$9=0,"",'申請書（記載例）'!$G$9))</f>
        <v/>
      </c>
      <c r="I83" s="36" t="str">
        <f>IF(C83=0,"",IF('申請書（記載例）'!$G$13=0,"",'申請書（記載例）'!$G$13))</f>
        <v/>
      </c>
      <c r="J83" s="37" t="str">
        <f>IF(C83=0,"",IF('申請書（記載例）'!$G$14=0,"",'申請書（記載例）'!$G$14))</f>
        <v/>
      </c>
      <c r="K83" s="37" t="str">
        <f>IF(C83=0,"",IF('申請書（記載例）'!$G$15=0,"",'申請書（記載例）'!$G$15))</f>
        <v/>
      </c>
    </row>
    <row r="84" spans="1:11" ht="19.95" customHeight="1" x14ac:dyDescent="0.2">
      <c r="A84" s="37">
        <v>82</v>
      </c>
      <c r="B84" s="34" t="str">
        <f>IF(C84=0,"",IF('申請書（記載例）'!$G$10=0,"",'申請書（記載例）'!$G$10))</f>
        <v/>
      </c>
      <c r="C84" s="69"/>
      <c r="D84" s="69"/>
      <c r="E84" s="69"/>
      <c r="F84" s="69"/>
      <c r="G84" s="35" t="str">
        <f>IF(C84=0,"",IF('申請書（記載例）'!$G$8=0,"",'申請書（記載例）'!$G$8))</f>
        <v/>
      </c>
      <c r="H84" s="36" t="str">
        <f>IF(C84=0,"",IF('申請書（記載例）'!$G$9=0,"",'申請書（記載例）'!$G$9))</f>
        <v/>
      </c>
      <c r="I84" s="36" t="str">
        <f>IF(C84=0,"",IF('申請書（記載例）'!$G$13=0,"",'申請書（記載例）'!$G$13))</f>
        <v/>
      </c>
      <c r="J84" s="37" t="str">
        <f>IF(C84=0,"",IF('申請書（記載例）'!$G$14=0,"",'申請書（記載例）'!$G$14))</f>
        <v/>
      </c>
      <c r="K84" s="37" t="str">
        <f>IF(C84=0,"",IF('申請書（記載例）'!$G$15=0,"",'申請書（記載例）'!$G$15))</f>
        <v/>
      </c>
    </row>
    <row r="85" spans="1:11" ht="19.95" customHeight="1" x14ac:dyDescent="0.2">
      <c r="A85" s="37">
        <v>83</v>
      </c>
      <c r="B85" s="34" t="str">
        <f>IF(C85=0,"",IF('申請書（記載例）'!$G$10=0,"",'申請書（記載例）'!$G$10))</f>
        <v/>
      </c>
      <c r="C85" s="69"/>
      <c r="D85" s="69"/>
      <c r="E85" s="69"/>
      <c r="F85" s="69"/>
      <c r="G85" s="35" t="str">
        <f>IF(C85=0,"",IF('申請書（記載例）'!$G$8=0,"",'申請書（記載例）'!$G$8))</f>
        <v/>
      </c>
      <c r="H85" s="36" t="str">
        <f>IF(C85=0,"",IF('申請書（記載例）'!$G$9=0,"",'申請書（記載例）'!$G$9))</f>
        <v/>
      </c>
      <c r="I85" s="36" t="str">
        <f>IF(C85=0,"",IF('申請書（記載例）'!$G$13=0,"",'申請書（記載例）'!$G$13))</f>
        <v/>
      </c>
      <c r="J85" s="37" t="str">
        <f>IF(C85=0,"",IF('申請書（記載例）'!$G$14=0,"",'申請書（記載例）'!$G$14))</f>
        <v/>
      </c>
      <c r="K85" s="37" t="str">
        <f>IF(C85=0,"",IF('申請書（記載例）'!$G$15=0,"",'申請書（記載例）'!$G$15))</f>
        <v/>
      </c>
    </row>
    <row r="86" spans="1:11" ht="19.95" customHeight="1" x14ac:dyDescent="0.2">
      <c r="A86" s="37">
        <v>84</v>
      </c>
      <c r="B86" s="34" t="str">
        <f>IF(C86=0,"",IF('申請書（記載例）'!$G$10=0,"",'申請書（記載例）'!$G$10))</f>
        <v/>
      </c>
      <c r="C86" s="69"/>
      <c r="D86" s="69"/>
      <c r="E86" s="69"/>
      <c r="F86" s="69"/>
      <c r="G86" s="35" t="str">
        <f>IF(C86=0,"",IF('申請書（記載例）'!$G$8=0,"",'申請書（記載例）'!$G$8))</f>
        <v/>
      </c>
      <c r="H86" s="36" t="str">
        <f>IF(C86=0,"",IF('申請書（記載例）'!$G$9=0,"",'申請書（記載例）'!$G$9))</f>
        <v/>
      </c>
      <c r="I86" s="36" t="str">
        <f>IF(C86=0,"",IF('申請書（記載例）'!$G$13=0,"",'申請書（記載例）'!$G$13))</f>
        <v/>
      </c>
      <c r="J86" s="37" t="str">
        <f>IF(C86=0,"",IF('申請書（記載例）'!$G$14=0,"",'申請書（記載例）'!$G$14))</f>
        <v/>
      </c>
      <c r="K86" s="37" t="str">
        <f>IF(C86=0,"",IF('申請書（記載例）'!$G$15=0,"",'申請書（記載例）'!$G$15))</f>
        <v/>
      </c>
    </row>
    <row r="87" spans="1:11" ht="19.95" customHeight="1" x14ac:dyDescent="0.2">
      <c r="A87" s="37">
        <v>85</v>
      </c>
      <c r="B87" s="34" t="str">
        <f>IF(C87=0,"",IF('申請書（記載例）'!$G$10=0,"",'申請書（記載例）'!$G$10))</f>
        <v/>
      </c>
      <c r="C87" s="69"/>
      <c r="D87" s="69"/>
      <c r="E87" s="69"/>
      <c r="F87" s="69"/>
      <c r="G87" s="35" t="str">
        <f>IF(C87=0,"",IF('申請書（記載例）'!$G$8=0,"",'申請書（記載例）'!$G$8))</f>
        <v/>
      </c>
      <c r="H87" s="36" t="str">
        <f>IF(C87=0,"",IF('申請書（記載例）'!$G$9=0,"",'申請書（記載例）'!$G$9))</f>
        <v/>
      </c>
      <c r="I87" s="36" t="str">
        <f>IF(C87=0,"",IF('申請書（記載例）'!$G$13=0,"",'申請書（記載例）'!$G$13))</f>
        <v/>
      </c>
      <c r="J87" s="37" t="str">
        <f>IF(C87=0,"",IF('申請書（記載例）'!$G$14=0,"",'申請書（記載例）'!$G$14))</f>
        <v/>
      </c>
      <c r="K87" s="37" t="str">
        <f>IF(C87=0,"",IF('申請書（記載例）'!$G$15=0,"",'申請書（記載例）'!$G$15))</f>
        <v/>
      </c>
    </row>
    <row r="88" spans="1:11" ht="19.95" customHeight="1" x14ac:dyDescent="0.2">
      <c r="A88" s="37">
        <v>86</v>
      </c>
      <c r="B88" s="34" t="str">
        <f>IF(C88=0,"",IF('申請書（記載例）'!$G$10=0,"",'申請書（記載例）'!$G$10))</f>
        <v/>
      </c>
      <c r="C88" s="69"/>
      <c r="D88" s="69"/>
      <c r="E88" s="69"/>
      <c r="F88" s="69"/>
      <c r="G88" s="35" t="str">
        <f>IF(C88=0,"",IF('申請書（記載例）'!$G$8=0,"",'申請書（記載例）'!$G$8))</f>
        <v/>
      </c>
      <c r="H88" s="36" t="str">
        <f>IF(C88=0,"",IF('申請書（記載例）'!$G$9=0,"",'申請書（記載例）'!$G$9))</f>
        <v/>
      </c>
      <c r="I88" s="36" t="str">
        <f>IF(C88=0,"",IF('申請書（記載例）'!$G$13=0,"",'申請書（記載例）'!$G$13))</f>
        <v/>
      </c>
      <c r="J88" s="37" t="str">
        <f>IF(C88=0,"",IF('申請書（記載例）'!$G$14=0,"",'申請書（記載例）'!$G$14))</f>
        <v/>
      </c>
      <c r="K88" s="37" t="str">
        <f>IF(C88=0,"",IF('申請書（記載例）'!$G$15=0,"",'申請書（記載例）'!$G$15))</f>
        <v/>
      </c>
    </row>
    <row r="89" spans="1:11" ht="19.95" customHeight="1" x14ac:dyDescent="0.2">
      <c r="A89" s="37">
        <v>87</v>
      </c>
      <c r="B89" s="34" t="str">
        <f>IF(C89=0,"",IF('申請書（記載例）'!$G$10=0,"",'申請書（記載例）'!$G$10))</f>
        <v/>
      </c>
      <c r="C89" s="69"/>
      <c r="D89" s="69"/>
      <c r="E89" s="69"/>
      <c r="F89" s="69"/>
      <c r="G89" s="35" t="str">
        <f>IF(C89=0,"",IF('申請書（記載例）'!$G$8=0,"",'申請書（記載例）'!$G$8))</f>
        <v/>
      </c>
      <c r="H89" s="36" t="str">
        <f>IF(C89=0,"",IF('申請書（記載例）'!$G$9=0,"",'申請書（記載例）'!$G$9))</f>
        <v/>
      </c>
      <c r="I89" s="36" t="str">
        <f>IF(C89=0,"",IF('申請書（記載例）'!$G$13=0,"",'申請書（記載例）'!$G$13))</f>
        <v/>
      </c>
      <c r="J89" s="37" t="str">
        <f>IF(C89=0,"",IF('申請書（記載例）'!$G$14=0,"",'申請書（記載例）'!$G$14))</f>
        <v/>
      </c>
      <c r="K89" s="37" t="str">
        <f>IF(C89=0,"",IF('申請書（記載例）'!$G$15=0,"",'申請書（記載例）'!$G$15))</f>
        <v/>
      </c>
    </row>
    <row r="90" spans="1:11" ht="19.95" customHeight="1" x14ac:dyDescent="0.2">
      <c r="A90" s="37">
        <v>88</v>
      </c>
      <c r="B90" s="34" t="str">
        <f>IF(C90=0,"",IF('申請書（記載例）'!$G$10=0,"",'申請書（記載例）'!$G$10))</f>
        <v/>
      </c>
      <c r="C90" s="69"/>
      <c r="D90" s="69"/>
      <c r="E90" s="69"/>
      <c r="F90" s="69"/>
      <c r="G90" s="35" t="str">
        <f>IF(C90=0,"",IF('申請書（記載例）'!$G$8=0,"",'申請書（記載例）'!$G$8))</f>
        <v/>
      </c>
      <c r="H90" s="36" t="str">
        <f>IF(C90=0,"",IF('申請書（記載例）'!$G$9=0,"",'申請書（記載例）'!$G$9))</f>
        <v/>
      </c>
      <c r="I90" s="36" t="str">
        <f>IF(C90=0,"",IF('申請書（記載例）'!$G$13=0,"",'申請書（記載例）'!$G$13))</f>
        <v/>
      </c>
      <c r="J90" s="37" t="str">
        <f>IF(C90=0,"",IF('申請書（記載例）'!$G$14=0,"",'申請書（記載例）'!$G$14))</f>
        <v/>
      </c>
      <c r="K90" s="37" t="str">
        <f>IF(C90=0,"",IF('申請書（記載例）'!$G$15=0,"",'申請書（記載例）'!$G$15))</f>
        <v/>
      </c>
    </row>
    <row r="91" spans="1:11" ht="19.95" customHeight="1" x14ac:dyDescent="0.2">
      <c r="A91" s="37">
        <v>89</v>
      </c>
      <c r="B91" s="34" t="str">
        <f>IF(C91=0,"",IF('申請書（記載例）'!$G$10=0,"",'申請書（記載例）'!$G$10))</f>
        <v/>
      </c>
      <c r="C91" s="69"/>
      <c r="D91" s="69"/>
      <c r="E91" s="69"/>
      <c r="F91" s="69"/>
      <c r="G91" s="35" t="str">
        <f>IF(C91=0,"",IF('申請書（記載例）'!$G$8=0,"",'申請書（記載例）'!$G$8))</f>
        <v/>
      </c>
      <c r="H91" s="36" t="str">
        <f>IF(C91=0,"",IF('申請書（記載例）'!$G$9=0,"",'申請書（記載例）'!$G$9))</f>
        <v/>
      </c>
      <c r="I91" s="36" t="str">
        <f>IF(C91=0,"",IF('申請書（記載例）'!$G$13=0,"",'申請書（記載例）'!$G$13))</f>
        <v/>
      </c>
      <c r="J91" s="37" t="str">
        <f>IF(C91=0,"",IF('申請書（記載例）'!$G$14=0,"",'申請書（記載例）'!$G$14))</f>
        <v/>
      </c>
      <c r="K91" s="37" t="str">
        <f>IF(C91=0,"",IF('申請書（記載例）'!$G$15=0,"",'申請書（記載例）'!$G$15))</f>
        <v/>
      </c>
    </row>
    <row r="92" spans="1:11" ht="19.95" customHeight="1" x14ac:dyDescent="0.2">
      <c r="A92" s="37">
        <v>90</v>
      </c>
      <c r="B92" s="34" t="str">
        <f>IF(C92=0,"",IF('申請書（記載例）'!$G$10=0,"",'申請書（記載例）'!$G$10))</f>
        <v/>
      </c>
      <c r="C92" s="69"/>
      <c r="D92" s="69"/>
      <c r="E92" s="69"/>
      <c r="F92" s="69"/>
      <c r="G92" s="35" t="str">
        <f>IF(C92=0,"",IF('申請書（記載例）'!$G$8=0,"",'申請書（記載例）'!$G$8))</f>
        <v/>
      </c>
      <c r="H92" s="36" t="str">
        <f>IF(C92=0,"",IF('申請書（記載例）'!$G$9=0,"",'申請書（記載例）'!$G$9))</f>
        <v/>
      </c>
      <c r="I92" s="36" t="str">
        <f>IF(C92=0,"",IF('申請書（記載例）'!$G$13=0,"",'申請書（記載例）'!$G$13))</f>
        <v/>
      </c>
      <c r="J92" s="37" t="str">
        <f>IF(C92=0,"",IF('申請書（記載例）'!$G$14=0,"",'申請書（記載例）'!$G$14))</f>
        <v/>
      </c>
      <c r="K92" s="37" t="str">
        <f>IF(C92=0,"",IF('申請書（記載例）'!$G$15=0,"",'申請書（記載例）'!$G$15))</f>
        <v/>
      </c>
    </row>
    <row r="93" spans="1:11" ht="19.95" customHeight="1" x14ac:dyDescent="0.2">
      <c r="A93" s="37">
        <v>91</v>
      </c>
      <c r="B93" s="34" t="str">
        <f>IF(C93=0,"",IF('申請書（記載例）'!$G$10=0,"",'申請書（記載例）'!$G$10))</f>
        <v/>
      </c>
      <c r="C93" s="69"/>
      <c r="D93" s="69"/>
      <c r="E93" s="69"/>
      <c r="F93" s="69"/>
      <c r="G93" s="35" t="str">
        <f>IF(C93=0,"",IF('申請書（記載例）'!$G$8=0,"",'申請書（記載例）'!$G$8))</f>
        <v/>
      </c>
      <c r="H93" s="36" t="str">
        <f>IF(C93=0,"",IF('申請書（記載例）'!$G$9=0,"",'申請書（記載例）'!$G$9))</f>
        <v/>
      </c>
      <c r="I93" s="36" t="str">
        <f>IF(C93=0,"",IF('申請書（記載例）'!$G$13=0,"",'申請書（記載例）'!$G$13))</f>
        <v/>
      </c>
      <c r="J93" s="37" t="str">
        <f>IF(C93=0,"",IF('申請書（記載例）'!$G$14=0,"",'申請書（記載例）'!$G$14))</f>
        <v/>
      </c>
      <c r="K93" s="37" t="str">
        <f>IF(C93=0,"",IF('申請書（記載例）'!$G$15=0,"",'申請書（記載例）'!$G$15))</f>
        <v/>
      </c>
    </row>
    <row r="94" spans="1:11" ht="19.95" customHeight="1" x14ac:dyDescent="0.2">
      <c r="A94" s="37">
        <v>92</v>
      </c>
      <c r="B94" s="34" t="str">
        <f>IF(C94=0,"",IF('申請書（記載例）'!$G$10=0,"",'申請書（記載例）'!$G$10))</f>
        <v/>
      </c>
      <c r="C94" s="69"/>
      <c r="D94" s="69"/>
      <c r="E94" s="69"/>
      <c r="F94" s="69"/>
      <c r="G94" s="35" t="str">
        <f>IF(C94=0,"",IF('申請書（記載例）'!$G$8=0,"",'申請書（記載例）'!$G$8))</f>
        <v/>
      </c>
      <c r="H94" s="36" t="str">
        <f>IF(C94=0,"",IF('申請書（記載例）'!$G$9=0,"",'申請書（記載例）'!$G$9))</f>
        <v/>
      </c>
      <c r="I94" s="36" t="str">
        <f>IF(C94=0,"",IF('申請書（記載例）'!$G$13=0,"",'申請書（記載例）'!$G$13))</f>
        <v/>
      </c>
      <c r="J94" s="37" t="str">
        <f>IF(C94=0,"",IF('申請書（記載例）'!$G$14=0,"",'申請書（記載例）'!$G$14))</f>
        <v/>
      </c>
      <c r="K94" s="37" t="str">
        <f>IF(C94=0,"",IF('申請書（記載例）'!$G$15=0,"",'申請書（記載例）'!$G$15))</f>
        <v/>
      </c>
    </row>
    <row r="95" spans="1:11" ht="19.95" customHeight="1" x14ac:dyDescent="0.2">
      <c r="A95" s="37">
        <v>93</v>
      </c>
      <c r="B95" s="34" t="str">
        <f>IF(C95=0,"",IF('申請書（記載例）'!$G$10=0,"",'申請書（記載例）'!$G$10))</f>
        <v/>
      </c>
      <c r="C95" s="69"/>
      <c r="D95" s="69"/>
      <c r="E95" s="69"/>
      <c r="F95" s="69"/>
      <c r="G95" s="35" t="str">
        <f>IF(C95=0,"",IF('申請書（記載例）'!$G$8=0,"",'申請書（記載例）'!$G$8))</f>
        <v/>
      </c>
      <c r="H95" s="36" t="str">
        <f>IF(C95=0,"",IF('申請書（記載例）'!$G$9=0,"",'申請書（記載例）'!$G$9))</f>
        <v/>
      </c>
      <c r="I95" s="36" t="str">
        <f>IF(C95=0,"",IF('申請書（記載例）'!$G$13=0,"",'申請書（記載例）'!$G$13))</f>
        <v/>
      </c>
      <c r="J95" s="37" t="str">
        <f>IF(C95=0,"",IF('申請書（記載例）'!$G$14=0,"",'申請書（記載例）'!$G$14))</f>
        <v/>
      </c>
      <c r="K95" s="37" t="str">
        <f>IF(C95=0,"",IF('申請書（記載例）'!$G$15=0,"",'申請書（記載例）'!$G$15))</f>
        <v/>
      </c>
    </row>
    <row r="96" spans="1:11" ht="19.95" customHeight="1" x14ac:dyDescent="0.2">
      <c r="A96" s="37">
        <v>94</v>
      </c>
      <c r="B96" s="34" t="str">
        <f>IF(C96=0,"",IF('申請書（記載例）'!$G$10=0,"",'申請書（記載例）'!$G$10))</f>
        <v/>
      </c>
      <c r="C96" s="69"/>
      <c r="D96" s="69"/>
      <c r="E96" s="69"/>
      <c r="F96" s="69"/>
      <c r="G96" s="35" t="str">
        <f>IF(C96=0,"",IF('申請書（記載例）'!$G$8=0,"",'申請書（記載例）'!$G$8))</f>
        <v/>
      </c>
      <c r="H96" s="36" t="str">
        <f>IF(C96=0,"",IF('申請書（記載例）'!$G$9=0,"",'申請書（記載例）'!$G$9))</f>
        <v/>
      </c>
      <c r="I96" s="36" t="str">
        <f>IF(C96=0,"",IF('申請書（記載例）'!$G$13=0,"",'申請書（記載例）'!$G$13))</f>
        <v/>
      </c>
      <c r="J96" s="37" t="str">
        <f>IF(C96=0,"",IF('申請書（記載例）'!$G$14=0,"",'申請書（記載例）'!$G$14))</f>
        <v/>
      </c>
      <c r="K96" s="37" t="str">
        <f>IF(C96=0,"",IF('申請書（記載例）'!$G$15=0,"",'申請書（記載例）'!$G$15))</f>
        <v/>
      </c>
    </row>
    <row r="97" spans="1:11" ht="19.95" customHeight="1" x14ac:dyDescent="0.2">
      <c r="A97" s="37">
        <v>95</v>
      </c>
      <c r="B97" s="34" t="str">
        <f>IF(C97=0,"",IF('申請書（記載例）'!$G$10=0,"",'申請書（記載例）'!$G$10))</f>
        <v/>
      </c>
      <c r="C97" s="69"/>
      <c r="D97" s="69"/>
      <c r="E97" s="69"/>
      <c r="F97" s="69"/>
      <c r="G97" s="35" t="str">
        <f>IF(C97=0,"",IF('申請書（記載例）'!$G$8=0,"",'申請書（記載例）'!$G$8))</f>
        <v/>
      </c>
      <c r="H97" s="36" t="str">
        <f>IF(C97=0,"",IF('申請書（記載例）'!$G$9=0,"",'申請書（記載例）'!$G$9))</f>
        <v/>
      </c>
      <c r="I97" s="36" t="str">
        <f>IF(C97=0,"",IF('申請書（記載例）'!$G$13=0,"",'申請書（記載例）'!$G$13))</f>
        <v/>
      </c>
      <c r="J97" s="37" t="str">
        <f>IF(C97=0,"",IF('申請書（記載例）'!$G$14=0,"",'申請書（記載例）'!$G$14))</f>
        <v/>
      </c>
      <c r="K97" s="37" t="str">
        <f>IF(C97=0,"",IF('申請書（記載例）'!$G$15=0,"",'申請書（記載例）'!$G$15))</f>
        <v/>
      </c>
    </row>
    <row r="98" spans="1:11" ht="19.95" customHeight="1" x14ac:dyDescent="0.2">
      <c r="A98" s="37">
        <v>96</v>
      </c>
      <c r="B98" s="34" t="str">
        <f>IF(C98=0,"",IF('申請書（記載例）'!$G$10=0,"",'申請書（記載例）'!$G$10))</f>
        <v/>
      </c>
      <c r="C98" s="69"/>
      <c r="D98" s="69"/>
      <c r="E98" s="69"/>
      <c r="F98" s="69"/>
      <c r="G98" s="35" t="str">
        <f>IF(C98=0,"",IF('申請書（記載例）'!$G$8=0,"",'申請書（記載例）'!$G$8))</f>
        <v/>
      </c>
      <c r="H98" s="36" t="str">
        <f>IF(C98=0,"",IF('申請書（記載例）'!$G$9=0,"",'申請書（記載例）'!$G$9))</f>
        <v/>
      </c>
      <c r="I98" s="36" t="str">
        <f>IF(C98=0,"",IF('申請書（記載例）'!$G$13=0,"",'申請書（記載例）'!$G$13))</f>
        <v/>
      </c>
      <c r="J98" s="37" t="str">
        <f>IF(C98=0,"",IF('申請書（記載例）'!$G$14=0,"",'申請書（記載例）'!$G$14))</f>
        <v/>
      </c>
      <c r="K98" s="37" t="str">
        <f>IF(C98=0,"",IF('申請書（記載例）'!$G$15=0,"",'申請書（記載例）'!$G$15))</f>
        <v/>
      </c>
    </row>
    <row r="99" spans="1:11" ht="19.95" customHeight="1" x14ac:dyDescent="0.2">
      <c r="A99" s="37">
        <v>97</v>
      </c>
      <c r="B99" s="34" t="str">
        <f>IF(C99=0,"",IF('申請書（記載例）'!$G$10=0,"",'申請書（記載例）'!$G$10))</f>
        <v/>
      </c>
      <c r="C99" s="69"/>
      <c r="D99" s="69"/>
      <c r="E99" s="69"/>
      <c r="F99" s="69"/>
      <c r="G99" s="35" t="str">
        <f>IF(C99=0,"",IF('申請書（記載例）'!$G$8=0,"",'申請書（記載例）'!$G$8))</f>
        <v/>
      </c>
      <c r="H99" s="36" t="str">
        <f>IF(C99=0,"",IF('申請書（記載例）'!$G$9=0,"",'申請書（記載例）'!$G$9))</f>
        <v/>
      </c>
      <c r="I99" s="36" t="str">
        <f>IF(C99=0,"",IF('申請書（記載例）'!$G$13=0,"",'申請書（記載例）'!$G$13))</f>
        <v/>
      </c>
      <c r="J99" s="37" t="str">
        <f>IF(C99=0,"",IF('申請書（記載例）'!$G$14=0,"",'申請書（記載例）'!$G$14))</f>
        <v/>
      </c>
      <c r="K99" s="37" t="str">
        <f>IF(C99=0,"",IF('申請書（記載例）'!$G$15=0,"",'申請書（記載例）'!$G$15))</f>
        <v/>
      </c>
    </row>
    <row r="100" spans="1:11" ht="19.95" customHeight="1" x14ac:dyDescent="0.2">
      <c r="A100" s="37">
        <v>98</v>
      </c>
      <c r="B100" s="34" t="str">
        <f>IF(C100=0,"",IF('申請書（記載例）'!$G$10=0,"",'申請書（記載例）'!$G$10))</f>
        <v/>
      </c>
      <c r="C100" s="69"/>
      <c r="D100" s="69"/>
      <c r="E100" s="69"/>
      <c r="F100" s="69"/>
      <c r="G100" s="35" t="str">
        <f>IF(C100=0,"",IF('申請書（記載例）'!$G$8=0,"",'申請書（記載例）'!$G$8))</f>
        <v/>
      </c>
      <c r="H100" s="36" t="str">
        <f>IF(C100=0,"",IF('申請書（記載例）'!$G$9=0,"",'申請書（記載例）'!$G$9))</f>
        <v/>
      </c>
      <c r="I100" s="36" t="str">
        <f>IF(C100=0,"",IF('申請書（記載例）'!$G$13=0,"",'申請書（記載例）'!$G$13))</f>
        <v/>
      </c>
      <c r="J100" s="37" t="str">
        <f>IF(C100=0,"",IF('申請書（記載例）'!$G$14=0,"",'申請書（記載例）'!$G$14))</f>
        <v/>
      </c>
      <c r="K100" s="37" t="str">
        <f>IF(C100=0,"",IF('申請書（記載例）'!$G$15=0,"",'申請書（記載例）'!$G$15))</f>
        <v/>
      </c>
    </row>
    <row r="101" spans="1:11" ht="19.95" customHeight="1" x14ac:dyDescent="0.2">
      <c r="A101" s="37">
        <v>99</v>
      </c>
      <c r="B101" s="34" t="str">
        <f>IF(C101=0,"",IF('申請書（記載例）'!$G$10=0,"",'申請書（記載例）'!$G$10))</f>
        <v/>
      </c>
      <c r="C101" s="69"/>
      <c r="D101" s="69"/>
      <c r="E101" s="69"/>
      <c r="F101" s="69"/>
      <c r="G101" s="35" t="str">
        <f>IF(C101=0,"",IF('申請書（記載例）'!$G$8=0,"",'申請書（記載例）'!$G$8))</f>
        <v/>
      </c>
      <c r="H101" s="36" t="str">
        <f>IF(C101=0,"",IF('申請書（記載例）'!$G$9=0,"",'申請書（記載例）'!$G$9))</f>
        <v/>
      </c>
      <c r="I101" s="36" t="str">
        <f>IF(C101=0,"",IF('申請書（記載例）'!$G$13=0,"",'申請書（記載例）'!$G$13))</f>
        <v/>
      </c>
      <c r="J101" s="37" t="str">
        <f>IF(C101=0,"",IF('申請書（記載例）'!$G$14=0,"",'申請書（記載例）'!$G$14))</f>
        <v/>
      </c>
      <c r="K101" s="37" t="str">
        <f>IF(C101=0,"",IF('申請書（記載例）'!$G$15=0,"",'申請書（記載例）'!$G$15))</f>
        <v/>
      </c>
    </row>
  </sheetData>
  <sheetProtection algorithmName="SHA-512" hashValue="za/QLYVsB1TLKAGlEcSYcLUyP0ms+224o/RtDPbHOrnjzZ1Y7E2QH2e20dNyjBKYEDyrD5JVMAFglzK+sRmPXw==" saltValue="ej/ZTX4DwzXNnfmibpdluw==" spinCount="100000" sheet="1" objects="1" scenarios="1" selectLockedCells="1"/>
  <mergeCells count="1">
    <mergeCell ref="A1:D1"/>
  </mergeCells>
  <phoneticPr fontId="1"/>
  <dataValidations count="3">
    <dataValidation imeMode="disabled" allowBlank="1" showInputMessage="1" showErrorMessage="1" sqref="D2 J3:K101"/>
    <dataValidation imeMode="halfKatakana" allowBlank="1" showInputMessage="1" showErrorMessage="1" sqref="D3:D101 G3:G101"/>
    <dataValidation type="list" allowBlank="1" showInputMessage="1" showErrorMessage="1" sqref="E3:E101">
      <formula1>"月1未満,月1以上,月2以上,週1以上"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申請書</vt:lpstr>
      <vt:lpstr>利用者氏名リスト</vt:lpstr>
      <vt:lpstr>申請書（記載例）</vt:lpstr>
      <vt:lpstr>利用者氏名リスト（記載例）</vt:lpstr>
      <vt:lpstr>申請書!Print_Area</vt:lpstr>
      <vt:lpstr>'申請書（記載例）'!Print_Area</vt:lpstr>
      <vt:lpstr>利用者氏名リスト!Print_Area</vt:lpstr>
      <vt:lpstr>'利用者氏名リスト（記載例）'!Print_Area</vt:lpstr>
    </vt:vector>
  </TitlesOfParts>
  <Company>広島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23-05-16T05:21:58Z</cp:lastPrinted>
  <dcterms:created xsi:type="dcterms:W3CDTF">2021-07-21T06:06:58Z</dcterms:created>
  <dcterms:modified xsi:type="dcterms:W3CDTF">2023-07-04T04:56:25Z</dcterms:modified>
</cp:coreProperties>
</file>